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7\Desktop\WWW- IHP\Data\EksULFGG\Hellmann\"/>
    </mc:Choice>
  </mc:AlternateContent>
  <bookViews>
    <workbookView xWindow="240" yWindow="135" windowWidth="22995" windowHeight="10485"/>
  </bookViews>
  <sheets>
    <sheet name="Sheet1" sheetId="1" r:id="rId1"/>
    <sheet name="Sheet2" sheetId="2" r:id="rId2"/>
  </sheets>
  <calcPr calcId="152511"/>
</workbook>
</file>

<file path=xl/calcChain.xml><?xml version="1.0" encoding="utf-8"?>
<calcChain xmlns="http://schemas.openxmlformats.org/spreadsheetml/2006/main">
  <c r="C5" i="1" l="1"/>
  <c r="C6" i="1" s="1"/>
  <c r="C7" i="1" s="1"/>
  <c r="C8" i="1" s="1"/>
  <c r="C9" i="1" s="1"/>
  <c r="C10" i="1" s="1"/>
  <c r="C11" i="1" s="1"/>
  <c r="C12" i="1" s="1"/>
  <c r="C13" i="1" s="1"/>
  <c r="C14" i="1" s="1"/>
  <c r="C15" i="1" s="1"/>
  <c r="C16" i="1" s="1"/>
  <c r="C17" i="1" s="1"/>
  <c r="C18" i="1" s="1"/>
  <c r="C19" i="1" s="1"/>
  <c r="C20" i="1" s="1"/>
  <c r="C21" i="1" s="1"/>
  <c r="C22" i="1" s="1"/>
  <c r="C23" i="1" s="1"/>
  <c r="C24" i="1" s="1"/>
  <c r="C25" i="1" s="1"/>
  <c r="C26" i="1" s="1"/>
  <c r="C27" i="1" s="1"/>
  <c r="C28" i="1" s="1"/>
  <c r="C29" i="1" s="1"/>
  <c r="C30" i="1" s="1"/>
  <c r="C31" i="1" s="1"/>
  <c r="C32" i="1" s="1"/>
  <c r="C33" i="1" s="1"/>
  <c r="C34" i="1" s="1"/>
  <c r="C35" i="1" s="1"/>
  <c r="C36" i="1" s="1"/>
  <c r="C37" i="1" s="1"/>
  <c r="C38" i="1" s="1"/>
  <c r="C39" i="1" s="1"/>
  <c r="C40" i="1" s="1"/>
  <c r="C41" i="1" s="1"/>
  <c r="C42" i="1" s="1"/>
  <c r="C43" i="1" s="1"/>
  <c r="C44" i="1" s="1"/>
  <c r="C45" i="1" s="1"/>
  <c r="C46" i="1" s="1"/>
  <c r="C47" i="1" s="1"/>
  <c r="C48" i="1" s="1"/>
  <c r="C49" i="1" s="1"/>
  <c r="C50" i="1" s="1"/>
  <c r="C51" i="1" s="1"/>
  <c r="C52" i="1" s="1"/>
  <c r="C53" i="1" s="1"/>
  <c r="C54" i="1" s="1"/>
  <c r="C55" i="1" s="1"/>
  <c r="C56" i="1" s="1"/>
  <c r="C57" i="1" s="1"/>
  <c r="C58" i="1" s="1"/>
  <c r="C59" i="1" s="1"/>
  <c r="C60" i="1" s="1"/>
  <c r="C61" i="1" s="1"/>
  <c r="C62" i="1" s="1"/>
  <c r="C63" i="1" s="1"/>
  <c r="C64" i="1" s="1"/>
  <c r="C65" i="1" s="1"/>
  <c r="C66" i="1" s="1"/>
  <c r="C67" i="1" s="1"/>
  <c r="C68" i="1" s="1"/>
  <c r="C69" i="1" s="1"/>
  <c r="C70" i="1" s="1"/>
  <c r="C71" i="1" s="1"/>
  <c r="C72" i="1" s="1"/>
  <c r="C73" i="1" s="1"/>
  <c r="C74" i="1" s="1"/>
  <c r="C75" i="1" s="1"/>
  <c r="C76" i="1" s="1"/>
  <c r="C77" i="1" s="1"/>
  <c r="C78" i="1" s="1"/>
  <c r="C79" i="1" s="1"/>
  <c r="C80" i="1" s="1"/>
  <c r="C81" i="1" s="1"/>
  <c r="C82" i="1" s="1"/>
  <c r="C83" i="1" s="1"/>
  <c r="C84" i="1" s="1"/>
  <c r="C85" i="1" s="1"/>
  <c r="C86" i="1" s="1"/>
  <c r="C87" i="1" s="1"/>
  <c r="C88" i="1" s="1"/>
  <c r="C89" i="1" s="1"/>
  <c r="C90" i="1" s="1"/>
  <c r="C91" i="1" s="1"/>
  <c r="C92" i="1" s="1"/>
  <c r="C93" i="1" s="1"/>
  <c r="C94" i="1" s="1"/>
  <c r="C95" i="1" s="1"/>
  <c r="C96" i="1" s="1"/>
  <c r="C97" i="1" s="1"/>
  <c r="C98" i="1" s="1"/>
  <c r="C99" i="1" s="1"/>
  <c r="C100" i="1" s="1"/>
  <c r="C101" i="1" s="1"/>
  <c r="C102" i="1" s="1"/>
  <c r="C103" i="1" s="1"/>
  <c r="C104" i="1" s="1"/>
  <c r="C105" i="1" s="1"/>
  <c r="C106" i="1" s="1"/>
  <c r="C107" i="1" s="1"/>
  <c r="C108" i="1" s="1"/>
  <c r="C109" i="1" s="1"/>
  <c r="C110" i="1" s="1"/>
  <c r="C111" i="1" s="1"/>
  <c r="C112" i="1" s="1"/>
  <c r="C113" i="1" s="1"/>
  <c r="C114" i="1" s="1"/>
  <c r="C115" i="1" s="1"/>
  <c r="C116" i="1" s="1"/>
  <c r="C117" i="1" s="1"/>
  <c r="C118" i="1" s="1"/>
  <c r="C119" i="1" s="1"/>
  <c r="C120" i="1" s="1"/>
  <c r="C121" i="1" s="1"/>
  <c r="C122" i="1" s="1"/>
  <c r="C123" i="1" s="1"/>
  <c r="C124" i="1" s="1"/>
  <c r="C125" i="1" s="1"/>
  <c r="C126" i="1" s="1"/>
  <c r="C127" i="1" s="1"/>
  <c r="C128" i="1" s="1"/>
  <c r="C129" i="1" s="1"/>
  <c r="C130" i="1" s="1"/>
  <c r="C131" i="1" s="1"/>
  <c r="C132" i="1" s="1"/>
  <c r="C133" i="1" s="1"/>
  <c r="C134" i="1" s="1"/>
  <c r="C135" i="1" s="1"/>
  <c r="C136" i="1" s="1"/>
  <c r="C137" i="1" s="1"/>
  <c r="C138" i="1" s="1"/>
  <c r="C139" i="1" s="1"/>
  <c r="C140" i="1" s="1"/>
  <c r="C141" i="1" s="1"/>
  <c r="C142" i="1" s="1"/>
  <c r="C143" i="1" s="1"/>
  <c r="C144" i="1" s="1"/>
  <c r="C145" i="1" s="1"/>
  <c r="C146" i="1" s="1"/>
  <c r="C147" i="1" s="1"/>
  <c r="C148" i="1" s="1"/>
  <c r="C149" i="1" s="1"/>
  <c r="C150" i="1" s="1"/>
  <c r="C151" i="1" s="1"/>
  <c r="C152" i="1" s="1"/>
  <c r="C153" i="1" s="1"/>
  <c r="C154" i="1" s="1"/>
  <c r="C155" i="1" s="1"/>
  <c r="C156" i="1" s="1"/>
  <c r="C157" i="1" s="1"/>
  <c r="C158" i="1" s="1"/>
  <c r="C159" i="1" s="1"/>
  <c r="C160" i="1" s="1"/>
  <c r="C161" i="1" s="1"/>
  <c r="C162" i="1" s="1"/>
  <c r="C163" i="1" s="1"/>
  <c r="C164" i="1" s="1"/>
  <c r="C165" i="1" s="1"/>
  <c r="C166" i="1" s="1"/>
  <c r="C167" i="1" s="1"/>
  <c r="C168" i="1" s="1"/>
  <c r="C169" i="1" s="1"/>
  <c r="C170" i="1" s="1"/>
  <c r="C171" i="1" s="1"/>
  <c r="C172" i="1" s="1"/>
  <c r="C173" i="1" s="1"/>
  <c r="C174" i="1" s="1"/>
  <c r="C175" i="1" s="1"/>
  <c r="C176" i="1" s="1"/>
  <c r="C177" i="1" s="1"/>
  <c r="C178" i="1" s="1"/>
  <c r="C179" i="1" s="1"/>
  <c r="C180" i="1" s="1"/>
  <c r="C181" i="1" s="1"/>
  <c r="C182" i="1" s="1"/>
  <c r="C183" i="1" s="1"/>
  <c r="C184" i="1" s="1"/>
  <c r="C185" i="1" s="1"/>
  <c r="C186" i="1" s="1"/>
  <c r="C187" i="1" s="1"/>
  <c r="C188" i="1" s="1"/>
  <c r="C189" i="1" s="1"/>
  <c r="C190" i="1" s="1"/>
  <c r="C191" i="1" s="1"/>
  <c r="C192" i="1" s="1"/>
  <c r="C193" i="1" s="1"/>
  <c r="C194" i="1" s="1"/>
  <c r="C195" i="1" s="1"/>
  <c r="C196" i="1" s="1"/>
  <c r="C197" i="1" s="1"/>
  <c r="C198" i="1" s="1"/>
  <c r="C199" i="1" s="1"/>
  <c r="C200" i="1" s="1"/>
  <c r="C201" i="1" s="1"/>
  <c r="C202" i="1" s="1"/>
  <c r="C203" i="1" s="1"/>
  <c r="C204" i="1" s="1"/>
  <c r="C205" i="1" s="1"/>
  <c r="C206" i="1" s="1"/>
  <c r="C207" i="1" s="1"/>
  <c r="C208" i="1" s="1"/>
  <c r="C209" i="1" s="1"/>
  <c r="C210" i="1" s="1"/>
  <c r="C211" i="1" s="1"/>
  <c r="C212" i="1" s="1"/>
  <c r="C213" i="1" s="1"/>
  <c r="C214" i="1" s="1"/>
  <c r="C215" i="1" s="1"/>
  <c r="C216" i="1" s="1"/>
  <c r="C217" i="1" s="1"/>
  <c r="C218" i="1" s="1"/>
  <c r="C219" i="1" s="1"/>
  <c r="C220" i="1" s="1"/>
  <c r="C221" i="1" s="1"/>
  <c r="C222" i="1" s="1"/>
  <c r="C223" i="1" s="1"/>
  <c r="C224" i="1" s="1"/>
  <c r="C225" i="1" s="1"/>
  <c r="C226" i="1" s="1"/>
  <c r="C227" i="1" s="1"/>
  <c r="C228" i="1" s="1"/>
  <c r="C229" i="1" s="1"/>
  <c r="C230" i="1" s="1"/>
  <c r="C231" i="1" s="1"/>
  <c r="C232" i="1" s="1"/>
  <c r="C233" i="1" s="1"/>
  <c r="C234" i="1" s="1"/>
  <c r="C235" i="1" s="1"/>
  <c r="C236" i="1" s="1"/>
  <c r="C237" i="1" s="1"/>
  <c r="C238" i="1" s="1"/>
  <c r="C239" i="1" s="1"/>
  <c r="C240" i="1" s="1"/>
  <c r="C241" i="1" s="1"/>
  <c r="C242" i="1" s="1"/>
  <c r="C243" i="1" s="1"/>
  <c r="C244" i="1" s="1"/>
  <c r="C245" i="1" s="1"/>
  <c r="C246" i="1" s="1"/>
  <c r="C247" i="1" s="1"/>
  <c r="C248" i="1" s="1"/>
  <c r="C249" i="1" s="1"/>
  <c r="C250" i="1" s="1"/>
  <c r="C251" i="1" s="1"/>
  <c r="C252" i="1" s="1"/>
  <c r="C253" i="1" s="1"/>
  <c r="C254" i="1" s="1"/>
  <c r="C255" i="1" s="1"/>
  <c r="C256" i="1" s="1"/>
  <c r="C257" i="1" s="1"/>
  <c r="C258" i="1" s="1"/>
  <c r="C259" i="1" s="1"/>
  <c r="C260" i="1" s="1"/>
  <c r="C261" i="1" s="1"/>
  <c r="C262" i="1" s="1"/>
  <c r="C263" i="1" s="1"/>
  <c r="C264" i="1" s="1"/>
  <c r="C265" i="1" s="1"/>
  <c r="C266" i="1" s="1"/>
  <c r="C267" i="1" s="1"/>
  <c r="C268" i="1" s="1"/>
  <c r="C269" i="1" s="1"/>
  <c r="C270" i="1" s="1"/>
  <c r="C271" i="1" s="1"/>
  <c r="C272" i="1" s="1"/>
  <c r="C273" i="1" s="1"/>
  <c r="C274" i="1" s="1"/>
  <c r="C275" i="1" s="1"/>
  <c r="C276" i="1" s="1"/>
  <c r="C277" i="1" s="1"/>
  <c r="C278" i="1" s="1"/>
  <c r="C279" i="1" s="1"/>
  <c r="C280" i="1" s="1"/>
  <c r="C281" i="1" s="1"/>
  <c r="C282" i="1" s="1"/>
  <c r="C283" i="1" s="1"/>
  <c r="C284" i="1" s="1"/>
  <c r="C285" i="1" s="1"/>
  <c r="C286" i="1" s="1"/>
  <c r="C287" i="1" s="1"/>
  <c r="C288" i="1" s="1"/>
  <c r="C289" i="1" s="1"/>
  <c r="C290" i="1" s="1"/>
  <c r="C291" i="1" s="1"/>
  <c r="C292" i="1" s="1"/>
  <c r="C293" i="1" s="1"/>
  <c r="C294" i="1" s="1"/>
  <c r="C295" i="1" s="1"/>
  <c r="C296" i="1" s="1"/>
  <c r="C297" i="1" s="1"/>
  <c r="C298" i="1" s="1"/>
  <c r="C299" i="1" s="1"/>
  <c r="C300" i="1" s="1"/>
  <c r="C301" i="1" s="1"/>
  <c r="C302" i="1" s="1"/>
  <c r="C303" i="1" s="1"/>
  <c r="C304" i="1" s="1"/>
  <c r="C305" i="1" s="1"/>
  <c r="C306" i="1" s="1"/>
  <c r="C307" i="1" s="1"/>
  <c r="C308" i="1" s="1"/>
  <c r="C309" i="1" s="1"/>
  <c r="C310" i="1" s="1"/>
  <c r="C311" i="1" s="1"/>
  <c r="C312" i="1" s="1"/>
  <c r="C313" i="1" s="1"/>
  <c r="C314" i="1" s="1"/>
  <c r="C315" i="1" s="1"/>
  <c r="C316" i="1" s="1"/>
  <c r="C317" i="1" s="1"/>
  <c r="C318" i="1" s="1"/>
  <c r="C319" i="1" s="1"/>
  <c r="C320" i="1" s="1"/>
  <c r="C321" i="1" s="1"/>
  <c r="C322" i="1" s="1"/>
  <c r="C323" i="1" s="1"/>
  <c r="C324" i="1" s="1"/>
  <c r="C325" i="1" s="1"/>
  <c r="C326" i="1" s="1"/>
  <c r="C327" i="1" s="1"/>
  <c r="C328" i="1" s="1"/>
  <c r="C329" i="1" s="1"/>
  <c r="C330" i="1" s="1"/>
  <c r="C331" i="1" s="1"/>
  <c r="C332" i="1" s="1"/>
  <c r="C333" i="1" s="1"/>
  <c r="C334" i="1" s="1"/>
  <c r="C335" i="1" s="1"/>
  <c r="C336" i="1" s="1"/>
  <c r="C337" i="1" s="1"/>
  <c r="C338" i="1" s="1"/>
  <c r="C339" i="1" s="1"/>
  <c r="C340" i="1" s="1"/>
  <c r="C341" i="1" s="1"/>
  <c r="C342" i="1" s="1"/>
  <c r="C343" i="1" s="1"/>
  <c r="C344" i="1" s="1"/>
  <c r="C345" i="1" s="1"/>
  <c r="C346" i="1" s="1"/>
  <c r="C347" i="1" s="1"/>
  <c r="C348" i="1" s="1"/>
  <c r="C349" i="1" s="1"/>
  <c r="C350" i="1" s="1"/>
  <c r="C351" i="1" s="1"/>
  <c r="C352" i="1" s="1"/>
  <c r="C353" i="1" s="1"/>
  <c r="C354" i="1" s="1"/>
  <c r="C355" i="1" s="1"/>
  <c r="C356" i="1" s="1"/>
  <c r="C357" i="1" s="1"/>
  <c r="C358" i="1" s="1"/>
  <c r="C359" i="1" s="1"/>
  <c r="C360" i="1" s="1"/>
  <c r="C361" i="1" s="1"/>
  <c r="C362" i="1" s="1"/>
  <c r="C363" i="1" s="1"/>
  <c r="C364" i="1" s="1"/>
  <c r="C365" i="1" s="1"/>
  <c r="C366" i="1" s="1"/>
  <c r="C367" i="1" s="1"/>
  <c r="C368" i="1" s="1"/>
  <c r="C369" i="1" s="1"/>
  <c r="C370" i="1" s="1"/>
  <c r="C371" i="1" s="1"/>
  <c r="C372" i="1" s="1"/>
  <c r="C373" i="1" s="1"/>
  <c r="C374" i="1" s="1"/>
  <c r="C375" i="1" s="1"/>
  <c r="C376" i="1" s="1"/>
  <c r="C377" i="1" s="1"/>
  <c r="C378" i="1" s="1"/>
  <c r="C379" i="1" s="1"/>
  <c r="C380" i="1" s="1"/>
  <c r="C381" i="1" s="1"/>
  <c r="C382" i="1" s="1"/>
  <c r="C383" i="1" s="1"/>
  <c r="C384" i="1" s="1"/>
  <c r="C385" i="1" s="1"/>
  <c r="C386" i="1" s="1"/>
  <c r="C387" i="1" s="1"/>
  <c r="C388" i="1" s="1"/>
  <c r="C389" i="1" s="1"/>
  <c r="C390" i="1" s="1"/>
  <c r="C391" i="1" s="1"/>
  <c r="C392" i="1" s="1"/>
  <c r="C393" i="1" s="1"/>
  <c r="C394" i="1" s="1"/>
  <c r="C395" i="1" s="1"/>
  <c r="C396" i="1" s="1"/>
  <c r="C397" i="1" s="1"/>
  <c r="C398" i="1" s="1"/>
  <c r="C399" i="1" s="1"/>
  <c r="C400" i="1" s="1"/>
  <c r="C401" i="1" s="1"/>
  <c r="C402" i="1" s="1"/>
  <c r="C403" i="1" s="1"/>
  <c r="C404" i="1" s="1"/>
  <c r="C405" i="1" s="1"/>
  <c r="C406" i="1" s="1"/>
  <c r="C407" i="1" s="1"/>
  <c r="C408" i="1" s="1"/>
  <c r="C409" i="1" s="1"/>
  <c r="C410" i="1" s="1"/>
  <c r="C411" i="1" s="1"/>
  <c r="C412" i="1" s="1"/>
  <c r="C413" i="1" s="1"/>
  <c r="C414" i="1" s="1"/>
  <c r="C415" i="1" s="1"/>
  <c r="C416" i="1" s="1"/>
  <c r="C417" i="1" s="1"/>
  <c r="C418" i="1" s="1"/>
  <c r="C419" i="1" s="1"/>
  <c r="C420" i="1" s="1"/>
  <c r="C421" i="1" s="1"/>
  <c r="C422" i="1" s="1"/>
  <c r="C423" i="1" s="1"/>
  <c r="C424" i="1" s="1"/>
  <c r="C425" i="1" s="1"/>
  <c r="C426" i="1" s="1"/>
  <c r="C427" i="1" s="1"/>
  <c r="C428" i="1" s="1"/>
  <c r="C429" i="1" s="1"/>
  <c r="C430" i="1" s="1"/>
  <c r="C431" i="1" s="1"/>
  <c r="C432" i="1" s="1"/>
  <c r="C433" i="1" s="1"/>
  <c r="C434" i="1" s="1"/>
  <c r="C435" i="1" s="1"/>
  <c r="C436" i="1" s="1"/>
  <c r="C437" i="1" s="1"/>
  <c r="C438" i="1" s="1"/>
  <c r="C439" i="1" s="1"/>
  <c r="C440" i="1" s="1"/>
  <c r="C441" i="1" s="1"/>
  <c r="C442" i="1" s="1"/>
  <c r="C443" i="1" s="1"/>
  <c r="C444" i="1" s="1"/>
  <c r="C445" i="1" s="1"/>
  <c r="C446" i="1" s="1"/>
  <c r="C447" i="1" s="1"/>
  <c r="C448" i="1" s="1"/>
  <c r="C449" i="1" s="1"/>
  <c r="C450" i="1" s="1"/>
  <c r="C451" i="1" s="1"/>
  <c r="C452" i="1" s="1"/>
  <c r="C453" i="1" s="1"/>
  <c r="C454" i="1" s="1"/>
  <c r="C455" i="1" s="1"/>
  <c r="C456" i="1" s="1"/>
  <c r="C457" i="1" s="1"/>
  <c r="C458" i="1" s="1"/>
  <c r="C459" i="1" s="1"/>
  <c r="C460" i="1" s="1"/>
  <c r="C461" i="1" s="1"/>
  <c r="C462" i="1" s="1"/>
  <c r="C463" i="1" s="1"/>
  <c r="C464" i="1" s="1"/>
  <c r="C465" i="1" s="1"/>
  <c r="C466" i="1" s="1"/>
  <c r="C467" i="1" s="1"/>
  <c r="C468" i="1" s="1"/>
  <c r="C469" i="1" s="1"/>
  <c r="C470" i="1" s="1"/>
  <c r="C471" i="1" s="1"/>
  <c r="C472" i="1" s="1"/>
  <c r="C473" i="1" s="1"/>
  <c r="C474" i="1" s="1"/>
  <c r="C475" i="1" s="1"/>
  <c r="C476" i="1" s="1"/>
  <c r="C477" i="1" s="1"/>
  <c r="C478" i="1" s="1"/>
  <c r="C479" i="1" s="1"/>
  <c r="C480" i="1" s="1"/>
  <c r="C481" i="1" s="1"/>
  <c r="C482" i="1" s="1"/>
  <c r="C483" i="1" s="1"/>
  <c r="C484" i="1" s="1"/>
  <c r="C485" i="1" s="1"/>
  <c r="C486" i="1" s="1"/>
  <c r="C487" i="1" s="1"/>
  <c r="C488" i="1" s="1"/>
  <c r="C489" i="1" s="1"/>
  <c r="C490" i="1" s="1"/>
  <c r="C491" i="1" s="1"/>
  <c r="C492" i="1" s="1"/>
  <c r="C493" i="1" s="1"/>
  <c r="C494" i="1" s="1"/>
  <c r="C495" i="1" s="1"/>
  <c r="C496" i="1" s="1"/>
  <c r="C497" i="1" s="1"/>
  <c r="C498" i="1" s="1"/>
  <c r="C499" i="1" s="1"/>
  <c r="C500" i="1" s="1"/>
  <c r="C501" i="1" s="1"/>
  <c r="C502" i="1" s="1"/>
  <c r="C503" i="1" s="1"/>
  <c r="C504" i="1" s="1"/>
  <c r="C505" i="1" s="1"/>
  <c r="C506" i="1" s="1"/>
  <c r="C507" i="1" s="1"/>
  <c r="C508" i="1" s="1"/>
  <c r="C509" i="1" s="1"/>
  <c r="C510" i="1" s="1"/>
  <c r="C511" i="1" s="1"/>
  <c r="C512" i="1" s="1"/>
  <c r="C513" i="1" s="1"/>
  <c r="C514" i="1" s="1"/>
  <c r="C515" i="1" s="1"/>
  <c r="C516" i="1" s="1"/>
  <c r="C517" i="1" s="1"/>
  <c r="C518" i="1" s="1"/>
  <c r="C519" i="1" s="1"/>
  <c r="C520" i="1" s="1"/>
  <c r="C521" i="1" s="1"/>
  <c r="C522" i="1" s="1"/>
  <c r="C523" i="1" s="1"/>
  <c r="C524" i="1" s="1"/>
  <c r="C525" i="1" s="1"/>
  <c r="C526" i="1" s="1"/>
  <c r="C527" i="1" s="1"/>
  <c r="C528" i="1" s="1"/>
  <c r="C529" i="1" s="1"/>
  <c r="C530" i="1" s="1"/>
  <c r="C531" i="1" s="1"/>
  <c r="C532" i="1" s="1"/>
  <c r="C533" i="1" s="1"/>
  <c r="C534" i="1" s="1"/>
  <c r="C535" i="1" s="1"/>
  <c r="C536" i="1" s="1"/>
  <c r="C537" i="1" s="1"/>
  <c r="C538" i="1" s="1"/>
  <c r="C539" i="1" s="1"/>
  <c r="C540" i="1" s="1"/>
  <c r="C541" i="1" s="1"/>
  <c r="C542" i="1" s="1"/>
  <c r="C543" i="1" s="1"/>
  <c r="C544" i="1" s="1"/>
  <c r="C545" i="1" s="1"/>
  <c r="C546" i="1" s="1"/>
  <c r="C547" i="1" s="1"/>
  <c r="C548" i="1" s="1"/>
  <c r="C549" i="1" s="1"/>
  <c r="C550" i="1" s="1"/>
  <c r="C551" i="1" s="1"/>
  <c r="C552" i="1" s="1"/>
  <c r="C553" i="1" s="1"/>
  <c r="C554" i="1" s="1"/>
  <c r="C555" i="1" s="1"/>
  <c r="C556" i="1" s="1"/>
  <c r="C557" i="1" s="1"/>
  <c r="C558" i="1" s="1"/>
  <c r="C559" i="1" s="1"/>
  <c r="C560" i="1" s="1"/>
  <c r="C561" i="1" s="1"/>
  <c r="C562" i="1" s="1"/>
  <c r="C563" i="1" s="1"/>
  <c r="C564" i="1" s="1"/>
  <c r="C565" i="1" s="1"/>
  <c r="C566" i="1" s="1"/>
  <c r="C567" i="1" s="1"/>
  <c r="C568" i="1" s="1"/>
  <c r="C569" i="1" s="1"/>
  <c r="C570" i="1" s="1"/>
  <c r="C571" i="1" s="1"/>
  <c r="C572" i="1" s="1"/>
  <c r="C573" i="1" s="1"/>
  <c r="C574" i="1" s="1"/>
  <c r="C575" i="1" s="1"/>
  <c r="C576" i="1" s="1"/>
  <c r="C577" i="1" s="1"/>
  <c r="C578" i="1" s="1"/>
  <c r="C579" i="1" s="1"/>
  <c r="C580" i="1" s="1"/>
  <c r="C581" i="1" s="1"/>
  <c r="C582" i="1" s="1"/>
  <c r="C583" i="1" s="1"/>
  <c r="C584" i="1" s="1"/>
  <c r="C585" i="1" s="1"/>
  <c r="C586" i="1" s="1"/>
  <c r="C587" i="1" s="1"/>
  <c r="C588" i="1" s="1"/>
  <c r="C589" i="1" s="1"/>
  <c r="C590" i="1" s="1"/>
  <c r="C591" i="1" s="1"/>
  <c r="C592" i="1" s="1"/>
  <c r="C593" i="1" s="1"/>
  <c r="C594" i="1" s="1"/>
  <c r="C595" i="1" s="1"/>
  <c r="C596" i="1" s="1"/>
  <c r="C597" i="1" s="1"/>
  <c r="C598" i="1" s="1"/>
  <c r="C599" i="1" s="1"/>
  <c r="C600" i="1" s="1"/>
  <c r="C601" i="1" s="1"/>
  <c r="C602" i="1" s="1"/>
  <c r="C603" i="1" s="1"/>
  <c r="C604" i="1" s="1"/>
  <c r="C605" i="1" s="1"/>
  <c r="C606" i="1" s="1"/>
  <c r="C607" i="1" s="1"/>
  <c r="C608" i="1" s="1"/>
  <c r="C609" i="1" s="1"/>
  <c r="C610" i="1" s="1"/>
  <c r="C611" i="1" s="1"/>
  <c r="C612" i="1" s="1"/>
  <c r="C613" i="1" s="1"/>
  <c r="C614" i="1" s="1"/>
  <c r="C615" i="1" s="1"/>
  <c r="C616" i="1" s="1"/>
  <c r="C617" i="1" s="1"/>
  <c r="C618" i="1" s="1"/>
  <c r="C619" i="1" s="1"/>
  <c r="C620" i="1" s="1"/>
  <c r="C621" i="1" s="1"/>
  <c r="C622" i="1" s="1"/>
  <c r="C623" i="1" s="1"/>
  <c r="C624" i="1" s="1"/>
  <c r="C625" i="1" s="1"/>
  <c r="C626" i="1" s="1"/>
  <c r="C627" i="1" s="1"/>
  <c r="C628" i="1" s="1"/>
  <c r="C629" i="1" s="1"/>
  <c r="C630" i="1" s="1"/>
  <c r="C631" i="1" s="1"/>
  <c r="C632" i="1" s="1"/>
  <c r="C633" i="1" s="1"/>
  <c r="C634" i="1" s="1"/>
  <c r="C635" i="1" s="1"/>
  <c r="C636" i="1" s="1"/>
  <c r="C637" i="1" s="1"/>
  <c r="C638" i="1" s="1"/>
  <c r="C639" i="1" s="1"/>
  <c r="C640" i="1" s="1"/>
  <c r="C641" i="1" s="1"/>
  <c r="C642" i="1" s="1"/>
  <c r="C643" i="1" s="1"/>
  <c r="C644" i="1" s="1"/>
  <c r="C645" i="1" s="1"/>
  <c r="C646" i="1" s="1"/>
  <c r="C647" i="1" s="1"/>
  <c r="C648" i="1" s="1"/>
  <c r="C649" i="1" s="1"/>
  <c r="C650" i="1" s="1"/>
  <c r="C651" i="1" s="1"/>
  <c r="C652" i="1" s="1"/>
  <c r="C653" i="1" s="1"/>
  <c r="C654" i="1" s="1"/>
  <c r="C655" i="1" s="1"/>
  <c r="C656" i="1" s="1"/>
  <c r="C657" i="1" s="1"/>
  <c r="C658" i="1" s="1"/>
  <c r="C659" i="1" s="1"/>
  <c r="C660" i="1" s="1"/>
  <c r="C661" i="1" s="1"/>
  <c r="C662" i="1" s="1"/>
  <c r="C663" i="1" s="1"/>
  <c r="C664" i="1" s="1"/>
  <c r="C665" i="1" s="1"/>
  <c r="C666" i="1" s="1"/>
  <c r="C667" i="1" s="1"/>
  <c r="C668" i="1" s="1"/>
  <c r="C669" i="1" s="1"/>
  <c r="C670" i="1" s="1"/>
  <c r="C671" i="1" s="1"/>
  <c r="C672" i="1" s="1"/>
  <c r="C673" i="1" s="1"/>
  <c r="C674" i="1" s="1"/>
  <c r="C675" i="1" s="1"/>
  <c r="C676" i="1" s="1"/>
  <c r="C677" i="1" s="1"/>
  <c r="C678" i="1" s="1"/>
  <c r="C679" i="1" s="1"/>
  <c r="C680" i="1" s="1"/>
  <c r="C681" i="1" s="1"/>
  <c r="C682" i="1" s="1"/>
  <c r="C683" i="1" s="1"/>
  <c r="C684" i="1" s="1"/>
  <c r="C685" i="1" s="1"/>
  <c r="C686" i="1" s="1"/>
  <c r="C687" i="1" s="1"/>
  <c r="C688" i="1" s="1"/>
  <c r="C689" i="1" s="1"/>
  <c r="C690" i="1" s="1"/>
  <c r="C691" i="1" s="1"/>
  <c r="C692" i="1" s="1"/>
  <c r="C693" i="1" s="1"/>
  <c r="C694" i="1" s="1"/>
  <c r="C695" i="1" s="1"/>
  <c r="C696" i="1" s="1"/>
  <c r="C697" i="1" s="1"/>
  <c r="C698" i="1" s="1"/>
  <c r="C699" i="1" s="1"/>
  <c r="C700" i="1" s="1"/>
  <c r="C701" i="1" s="1"/>
  <c r="C702" i="1" s="1"/>
  <c r="C703" i="1" s="1"/>
  <c r="C704" i="1" s="1"/>
  <c r="C705" i="1" s="1"/>
  <c r="C706" i="1" s="1"/>
  <c r="C707" i="1" s="1"/>
  <c r="C708" i="1" s="1"/>
  <c r="C709" i="1" s="1"/>
  <c r="C710" i="1" s="1"/>
  <c r="C711" i="1" s="1"/>
  <c r="C712" i="1" s="1"/>
  <c r="C713" i="1" s="1"/>
  <c r="C714" i="1" s="1"/>
  <c r="C715" i="1" s="1"/>
  <c r="C716" i="1" s="1"/>
  <c r="C717" i="1" s="1"/>
  <c r="C718" i="1" s="1"/>
  <c r="C719" i="1" s="1"/>
  <c r="C720" i="1" s="1"/>
  <c r="C721" i="1" s="1"/>
  <c r="C722" i="1" s="1"/>
  <c r="C723" i="1" s="1"/>
  <c r="C724" i="1" s="1"/>
  <c r="C725" i="1" s="1"/>
  <c r="C726" i="1" s="1"/>
  <c r="C727" i="1" s="1"/>
  <c r="C728" i="1" s="1"/>
  <c r="C729" i="1" s="1"/>
  <c r="C730" i="1" s="1"/>
  <c r="C731" i="1" s="1"/>
  <c r="C732" i="1" s="1"/>
  <c r="C733" i="1" s="1"/>
  <c r="C734" i="1" s="1"/>
  <c r="C735" i="1" s="1"/>
  <c r="C736" i="1" s="1"/>
  <c r="C737" i="1" s="1"/>
  <c r="C738" i="1" s="1"/>
  <c r="C739" i="1" s="1"/>
  <c r="C740" i="1" s="1"/>
  <c r="C741" i="1" s="1"/>
  <c r="C742" i="1" s="1"/>
  <c r="C743" i="1" s="1"/>
  <c r="C744" i="1" s="1"/>
  <c r="C745" i="1" s="1"/>
  <c r="C746" i="1" s="1"/>
  <c r="C747" i="1" s="1"/>
  <c r="C748" i="1" s="1"/>
  <c r="C749" i="1" s="1"/>
  <c r="C750" i="1" s="1"/>
  <c r="C751" i="1" s="1"/>
  <c r="C752" i="1" s="1"/>
  <c r="C753" i="1" s="1"/>
  <c r="C754" i="1" s="1"/>
  <c r="C755" i="1" s="1"/>
  <c r="C756" i="1" s="1"/>
  <c r="C757" i="1" s="1"/>
  <c r="C758" i="1" s="1"/>
  <c r="C759" i="1" s="1"/>
  <c r="C760" i="1" s="1"/>
  <c r="C761" i="1" s="1"/>
  <c r="C762" i="1" s="1"/>
  <c r="C763" i="1" s="1"/>
  <c r="C764" i="1" s="1"/>
  <c r="C765" i="1" s="1"/>
  <c r="C766" i="1" s="1"/>
  <c r="C767" i="1" s="1"/>
  <c r="C768" i="1" s="1"/>
  <c r="C769" i="1" s="1"/>
  <c r="C770" i="1" s="1"/>
  <c r="C771" i="1" s="1"/>
  <c r="C772" i="1" s="1"/>
  <c r="C773" i="1" s="1"/>
  <c r="C774" i="1" s="1"/>
  <c r="C775" i="1" s="1"/>
  <c r="C776" i="1" s="1"/>
  <c r="C777" i="1" s="1"/>
  <c r="C778" i="1" s="1"/>
  <c r="C779" i="1" s="1"/>
  <c r="C780" i="1" s="1"/>
  <c r="C781" i="1" s="1"/>
  <c r="C782" i="1" s="1"/>
  <c r="C783" i="1" s="1"/>
  <c r="C784" i="1" s="1"/>
  <c r="C785" i="1" s="1"/>
  <c r="C786" i="1" s="1"/>
  <c r="C787" i="1" s="1"/>
  <c r="C788" i="1" s="1"/>
  <c r="C789" i="1" s="1"/>
  <c r="C790" i="1" s="1"/>
  <c r="C791" i="1" s="1"/>
  <c r="C792" i="1" s="1"/>
  <c r="C793" i="1" s="1"/>
  <c r="C794" i="1" s="1"/>
  <c r="C795" i="1" s="1"/>
  <c r="C796" i="1" s="1"/>
  <c r="C797" i="1" s="1"/>
  <c r="C798" i="1" s="1"/>
  <c r="C799" i="1" s="1"/>
  <c r="C800" i="1" s="1"/>
  <c r="C801" i="1" s="1"/>
  <c r="C802" i="1" s="1"/>
  <c r="C803" i="1" s="1"/>
  <c r="C804" i="1" s="1"/>
  <c r="C805" i="1" s="1"/>
  <c r="C806" i="1" s="1"/>
  <c r="C807" i="1" s="1"/>
  <c r="C808" i="1" s="1"/>
  <c r="C809" i="1" s="1"/>
  <c r="C810" i="1" s="1"/>
  <c r="C811" i="1" s="1"/>
  <c r="C812" i="1" s="1"/>
  <c r="C813" i="1" s="1"/>
  <c r="C814" i="1" s="1"/>
  <c r="C815" i="1" s="1"/>
  <c r="C816" i="1" s="1"/>
  <c r="C817" i="1" s="1"/>
  <c r="C818" i="1" s="1"/>
  <c r="C819" i="1" s="1"/>
  <c r="C820" i="1" s="1"/>
  <c r="C821" i="1" s="1"/>
  <c r="C822" i="1" s="1"/>
  <c r="C823" i="1" s="1"/>
  <c r="C824" i="1" s="1"/>
  <c r="C825" i="1" s="1"/>
  <c r="C826" i="1" s="1"/>
  <c r="C827" i="1" s="1"/>
  <c r="C828" i="1" s="1"/>
  <c r="C829" i="1" s="1"/>
  <c r="C830" i="1" s="1"/>
  <c r="C831" i="1" s="1"/>
  <c r="C832" i="1" s="1"/>
  <c r="C833" i="1" s="1"/>
  <c r="C834" i="1" s="1"/>
  <c r="C835" i="1" s="1"/>
  <c r="C836" i="1" s="1"/>
  <c r="C837" i="1" s="1"/>
  <c r="C838" i="1" s="1"/>
  <c r="C839" i="1" s="1"/>
  <c r="C840" i="1" s="1"/>
  <c r="C841" i="1" s="1"/>
  <c r="C842" i="1" s="1"/>
  <c r="C843" i="1" s="1"/>
  <c r="C844" i="1" s="1"/>
  <c r="C845" i="1" s="1"/>
  <c r="C846" i="1" s="1"/>
  <c r="C847" i="1" s="1"/>
  <c r="C848" i="1" s="1"/>
  <c r="C849" i="1" s="1"/>
  <c r="C850" i="1" s="1"/>
  <c r="C851" i="1" s="1"/>
  <c r="C852" i="1" s="1"/>
  <c r="C853" i="1" s="1"/>
  <c r="C854" i="1" s="1"/>
  <c r="C855" i="1" s="1"/>
  <c r="C856" i="1" s="1"/>
  <c r="C857" i="1" s="1"/>
  <c r="C858" i="1" s="1"/>
  <c r="C859" i="1" s="1"/>
  <c r="C860" i="1" s="1"/>
  <c r="C861" i="1" s="1"/>
  <c r="C862" i="1" s="1"/>
  <c r="C863" i="1" s="1"/>
  <c r="C864" i="1" s="1"/>
  <c r="C865" i="1" s="1"/>
  <c r="C866" i="1" s="1"/>
  <c r="C867" i="1" s="1"/>
  <c r="C868" i="1" s="1"/>
  <c r="C869" i="1" s="1"/>
  <c r="C870" i="1" s="1"/>
  <c r="C871" i="1" s="1"/>
  <c r="C872" i="1" s="1"/>
  <c r="C873" i="1" s="1"/>
  <c r="C874" i="1" s="1"/>
  <c r="C875" i="1" s="1"/>
  <c r="C876" i="1" s="1"/>
  <c r="C877" i="1" s="1"/>
  <c r="C878" i="1" s="1"/>
  <c r="C879" i="1" s="1"/>
  <c r="C880" i="1" s="1"/>
  <c r="C881" i="1" s="1"/>
  <c r="C882" i="1" s="1"/>
  <c r="C883" i="1" s="1"/>
  <c r="C884" i="1" s="1"/>
  <c r="C885" i="1" s="1"/>
  <c r="C886" i="1" s="1"/>
  <c r="C887" i="1" s="1"/>
  <c r="C888" i="1" s="1"/>
  <c r="C889" i="1" s="1"/>
  <c r="C890" i="1" s="1"/>
  <c r="C891" i="1" s="1"/>
  <c r="C892" i="1" s="1"/>
  <c r="C893" i="1" s="1"/>
  <c r="C894" i="1" s="1"/>
  <c r="C895" i="1" s="1"/>
  <c r="C896" i="1" s="1"/>
  <c r="C897" i="1" s="1"/>
  <c r="C898" i="1" s="1"/>
  <c r="C899" i="1" s="1"/>
  <c r="C900" i="1" s="1"/>
  <c r="C901" i="1" s="1"/>
  <c r="C902" i="1" s="1"/>
  <c r="C903" i="1" s="1"/>
  <c r="C904" i="1" s="1"/>
  <c r="C905" i="1" s="1"/>
  <c r="C906" i="1" s="1"/>
  <c r="C907" i="1" s="1"/>
  <c r="C908" i="1" s="1"/>
  <c r="C909" i="1" s="1"/>
  <c r="C910" i="1" s="1"/>
  <c r="C911" i="1" s="1"/>
  <c r="C912" i="1" s="1"/>
  <c r="C913" i="1" s="1"/>
  <c r="C914" i="1" s="1"/>
  <c r="C915" i="1" s="1"/>
  <c r="C916" i="1" s="1"/>
  <c r="C917" i="1" s="1"/>
  <c r="C918" i="1" s="1"/>
  <c r="C919" i="1" s="1"/>
  <c r="C920" i="1" s="1"/>
  <c r="C921" i="1" s="1"/>
  <c r="C922" i="1" s="1"/>
  <c r="C923" i="1" s="1"/>
  <c r="C924" i="1" s="1"/>
  <c r="C925" i="1" s="1"/>
  <c r="C926" i="1" s="1"/>
  <c r="C927" i="1" s="1"/>
  <c r="C928" i="1" s="1"/>
  <c r="C929" i="1" s="1"/>
  <c r="C930" i="1" s="1"/>
  <c r="C931" i="1" s="1"/>
  <c r="C932" i="1" s="1"/>
  <c r="C933" i="1" s="1"/>
  <c r="C934" i="1" s="1"/>
  <c r="C935" i="1" s="1"/>
  <c r="C936" i="1" s="1"/>
  <c r="C937" i="1" s="1"/>
  <c r="C938" i="1" s="1"/>
  <c r="C939" i="1" s="1"/>
  <c r="C940" i="1" s="1"/>
  <c r="C941" i="1" s="1"/>
  <c r="C942" i="1" s="1"/>
  <c r="C943" i="1" s="1"/>
  <c r="C944" i="1" s="1"/>
  <c r="C945" i="1" s="1"/>
  <c r="C946" i="1" s="1"/>
  <c r="C947" i="1" s="1"/>
  <c r="C948" i="1" s="1"/>
  <c r="C949" i="1" s="1"/>
  <c r="C950" i="1" s="1"/>
  <c r="C951" i="1" s="1"/>
  <c r="C952" i="1" s="1"/>
  <c r="C953" i="1" s="1"/>
  <c r="C954" i="1" s="1"/>
  <c r="C955" i="1" s="1"/>
  <c r="C956" i="1" s="1"/>
  <c r="C957" i="1" s="1"/>
  <c r="C958" i="1" s="1"/>
  <c r="C959" i="1" s="1"/>
  <c r="C960" i="1" s="1"/>
  <c r="C961" i="1" s="1"/>
  <c r="C962" i="1" s="1"/>
  <c r="C963" i="1" s="1"/>
  <c r="C964" i="1" s="1"/>
  <c r="C965" i="1" s="1"/>
  <c r="C966" i="1" s="1"/>
  <c r="C967" i="1" s="1"/>
  <c r="C968" i="1" s="1"/>
  <c r="C969" i="1" s="1"/>
  <c r="C970" i="1" s="1"/>
  <c r="C971" i="1" s="1"/>
  <c r="C972" i="1" s="1"/>
  <c r="C973" i="1" s="1"/>
  <c r="C974" i="1" s="1"/>
  <c r="C975" i="1" s="1"/>
  <c r="C976" i="1" s="1"/>
  <c r="C977" i="1" s="1"/>
  <c r="C978" i="1" s="1"/>
  <c r="C979" i="1" s="1"/>
  <c r="C980" i="1" s="1"/>
  <c r="C981" i="1" s="1"/>
  <c r="C982" i="1" s="1"/>
  <c r="C983" i="1" s="1"/>
  <c r="C984" i="1" s="1"/>
  <c r="C985" i="1" s="1"/>
  <c r="C986" i="1" s="1"/>
  <c r="C987" i="1" s="1"/>
  <c r="C988" i="1" s="1"/>
  <c r="C989" i="1" s="1"/>
  <c r="C990" i="1" s="1"/>
  <c r="C991" i="1" s="1"/>
  <c r="C992" i="1" s="1"/>
  <c r="C993" i="1" s="1"/>
  <c r="C994" i="1" s="1"/>
  <c r="C995" i="1" s="1"/>
  <c r="C996" i="1" s="1"/>
  <c r="C997" i="1" s="1"/>
  <c r="C998" i="1" s="1"/>
  <c r="C999" i="1" s="1"/>
  <c r="C1000" i="1" s="1"/>
  <c r="C1001" i="1" s="1"/>
  <c r="C1002" i="1" s="1"/>
  <c r="C1003" i="1" s="1"/>
  <c r="C1004" i="1" s="1"/>
  <c r="C1005" i="1" s="1"/>
  <c r="C1006" i="1" s="1"/>
  <c r="C1007" i="1" s="1"/>
  <c r="C1008" i="1" s="1"/>
  <c r="C1009" i="1" s="1"/>
  <c r="C1010" i="1" s="1"/>
  <c r="C1011" i="1" s="1"/>
  <c r="C1012" i="1" s="1"/>
  <c r="C1013" i="1" s="1"/>
  <c r="C1014" i="1" s="1"/>
  <c r="C1015" i="1" s="1"/>
  <c r="C1016" i="1" s="1"/>
  <c r="C1017" i="1" s="1"/>
  <c r="C1018" i="1" s="1"/>
  <c r="C1019" i="1" s="1"/>
  <c r="C1020" i="1" s="1"/>
  <c r="C1021" i="1" s="1"/>
  <c r="C1022" i="1" s="1"/>
  <c r="C1023" i="1" s="1"/>
  <c r="C1024" i="1" s="1"/>
  <c r="C1025" i="1" s="1"/>
  <c r="C1026" i="1" s="1"/>
  <c r="C1027" i="1" s="1"/>
  <c r="C1028" i="1" s="1"/>
  <c r="C1029" i="1" s="1"/>
  <c r="C1030" i="1" s="1"/>
  <c r="C1031" i="1" s="1"/>
  <c r="C1032" i="1" s="1"/>
  <c r="C1033" i="1" s="1"/>
  <c r="C1034" i="1" s="1"/>
  <c r="C1035" i="1" s="1"/>
  <c r="C1036" i="1" s="1"/>
  <c r="C1037" i="1" s="1"/>
  <c r="C1038" i="1" s="1"/>
  <c r="C1039" i="1" s="1"/>
  <c r="C1040" i="1" s="1"/>
  <c r="C1041" i="1" s="1"/>
  <c r="C1042" i="1" s="1"/>
  <c r="C1043" i="1" s="1"/>
  <c r="C1044" i="1" s="1"/>
  <c r="C1045" i="1" s="1"/>
  <c r="C1046" i="1" s="1"/>
  <c r="C1047" i="1" s="1"/>
  <c r="C1048" i="1" s="1"/>
  <c r="C1049" i="1" s="1"/>
  <c r="C1050" i="1" s="1"/>
  <c r="C1051" i="1" s="1"/>
  <c r="C1052" i="1" s="1"/>
  <c r="C1053" i="1" s="1"/>
  <c r="C1054" i="1" s="1"/>
  <c r="C1055" i="1" s="1"/>
  <c r="C1056" i="1" s="1"/>
  <c r="C1057" i="1" s="1"/>
  <c r="C1058" i="1" s="1"/>
  <c r="C1059" i="1" s="1"/>
  <c r="C1060" i="1" s="1"/>
  <c r="C1061" i="1" s="1"/>
  <c r="C1062" i="1" s="1"/>
  <c r="C1063" i="1" s="1"/>
  <c r="C1064" i="1" s="1"/>
  <c r="C1065" i="1" s="1"/>
  <c r="C1066" i="1" s="1"/>
  <c r="C1067" i="1" s="1"/>
  <c r="C1068" i="1" s="1"/>
  <c r="C1069" i="1" s="1"/>
  <c r="C1070" i="1" s="1"/>
  <c r="C1071" i="1" s="1"/>
  <c r="C1072" i="1" s="1"/>
  <c r="C1073" i="1" s="1"/>
  <c r="C1074" i="1" s="1"/>
  <c r="C1075" i="1" s="1"/>
  <c r="C1076" i="1" s="1"/>
  <c r="C1077" i="1" s="1"/>
  <c r="C1078" i="1" s="1"/>
  <c r="C1079" i="1" s="1"/>
  <c r="C1080" i="1" s="1"/>
  <c r="C1081" i="1" s="1"/>
  <c r="C1082" i="1" s="1"/>
  <c r="C1083" i="1" s="1"/>
  <c r="C1084" i="1" s="1"/>
  <c r="C1085" i="1" s="1"/>
  <c r="C1086" i="1" s="1"/>
  <c r="C1087" i="1" s="1"/>
  <c r="C1088" i="1" s="1"/>
  <c r="C1089" i="1" s="1"/>
  <c r="C1090" i="1" s="1"/>
  <c r="C1091" i="1" s="1"/>
  <c r="C1092" i="1" s="1"/>
  <c r="C1093" i="1" s="1"/>
  <c r="C1094" i="1" s="1"/>
  <c r="C1095" i="1" s="1"/>
  <c r="C1096" i="1" s="1"/>
  <c r="C1097" i="1" s="1"/>
  <c r="C1098" i="1" s="1"/>
  <c r="C1099" i="1" s="1"/>
  <c r="C1100" i="1" s="1"/>
  <c r="C1101" i="1" s="1"/>
  <c r="C1102" i="1" s="1"/>
  <c r="C1103" i="1" s="1"/>
  <c r="C1104" i="1" s="1"/>
  <c r="C1105" i="1" s="1"/>
  <c r="C1106" i="1" s="1"/>
  <c r="C1107" i="1" s="1"/>
  <c r="C1108" i="1" s="1"/>
  <c r="C1109" i="1" s="1"/>
  <c r="C1110" i="1" s="1"/>
</calcChain>
</file>

<file path=xl/sharedStrings.xml><?xml version="1.0" encoding="utf-8"?>
<sst xmlns="http://schemas.openxmlformats.org/spreadsheetml/2006/main" count="11" uniqueCount="8">
  <si>
    <t>Datum</t>
  </si>
  <si>
    <t>Padavine so bile večino izmerjene ob 7:30</t>
  </si>
  <si>
    <t xml:space="preserve"> </t>
  </si>
  <si>
    <t>Skupna količina padavin [mm]</t>
  </si>
  <si>
    <t>Dnevna količina padavin [mm]</t>
  </si>
  <si>
    <t xml:space="preserve">Hellmanov dežemer - dnevne intenzitete padavin </t>
  </si>
  <si>
    <t>Lokacija dežemera: Hajdrihova ulica 28, Ljubljana</t>
  </si>
  <si>
    <t>Podatki so informativne narav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0"/>
      <color rgb="FF595959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b/>
      <sz val="14"/>
      <color rgb="FF595959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3">
    <xf numFmtId="0" fontId="0" fillId="0" borderId="0" xfId="0"/>
    <xf numFmtId="14" fontId="0" fillId="0" borderId="0" xfId="0" applyNumberFormat="1"/>
    <xf numFmtId="0" fontId="1" fillId="0" borderId="0" xfId="0" applyFont="1"/>
    <xf numFmtId="0" fontId="2" fillId="0" borderId="0" xfId="0" applyFont="1" applyAlignment="1">
      <alignment horizontal="center" vertical="center" readingOrder="1"/>
    </xf>
    <xf numFmtId="0" fontId="3" fillId="0" borderId="0" xfId="0" applyFont="1" applyAlignment="1">
      <alignment horizontal="center" vertical="center" readingOrder="1"/>
    </xf>
    <xf numFmtId="0" fontId="0" fillId="0" borderId="0" xfId="0" applyAlignment="1">
      <alignment horizontal="center"/>
    </xf>
    <xf numFmtId="14" fontId="0" fillId="0" borderId="0" xfId="0" applyNumberFormat="1" applyAlignment="1">
      <alignment horizontal="center"/>
    </xf>
    <xf numFmtId="0" fontId="1" fillId="0" borderId="0" xfId="0" applyFont="1" applyAlignment="1">
      <alignment horizontal="left"/>
    </xf>
    <xf numFmtId="0" fontId="0" fillId="0" borderId="1" xfId="0" applyBorder="1" applyAlignment="1">
      <alignment horizontal="center"/>
    </xf>
    <xf numFmtId="14" fontId="0" fillId="0" borderId="1" xfId="0" applyNumberFormat="1" applyBorder="1" applyAlignment="1">
      <alignment horizontal="center"/>
    </xf>
    <xf numFmtId="0" fontId="0" fillId="0" borderId="0" xfId="0" applyFont="1" applyAlignment="1">
      <alignment horizontal="left"/>
    </xf>
    <xf numFmtId="0" fontId="4" fillId="0" borderId="0" xfId="0" applyFont="1" applyAlignment="1">
      <alignment horizontal="left" vertical="center" readingOrder="1"/>
    </xf>
    <xf numFmtId="0" fontId="0" fillId="0" borderId="0" xfId="0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sl-SI"/>
              <a:t>Hellmanov</a:t>
            </a:r>
            <a:r>
              <a:rPr lang="sl-SI" baseline="0"/>
              <a:t> dežemer - dnevne intenzitete in skupna količina padavin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6.6936872360038854E-2"/>
          <c:y val="8.1944207177796449E-2"/>
          <c:w val="0.87174807655120412"/>
          <c:h val="0.71244088291259144"/>
        </c:manualLayout>
      </c:layout>
      <c:lineChart>
        <c:grouping val="standard"/>
        <c:varyColors val="0"/>
        <c:ser>
          <c:idx val="1"/>
          <c:order val="1"/>
          <c:tx>
            <c:strRef>
              <c:f>Sheet1!$C$3</c:f>
              <c:strCache>
                <c:ptCount val="1"/>
                <c:pt idx="0">
                  <c:v>Skupna količina padavin [mm]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4:$A$1110</c:f>
              <c:numCache>
                <c:formatCode>m/d/yyyy</c:formatCode>
                <c:ptCount val="1107"/>
                <c:pt idx="0">
                  <c:v>40826</c:v>
                </c:pt>
                <c:pt idx="1">
                  <c:v>40827</c:v>
                </c:pt>
                <c:pt idx="2">
                  <c:v>40828</c:v>
                </c:pt>
                <c:pt idx="3">
                  <c:v>40829</c:v>
                </c:pt>
                <c:pt idx="4">
                  <c:v>40830</c:v>
                </c:pt>
                <c:pt idx="5">
                  <c:v>40831</c:v>
                </c:pt>
                <c:pt idx="6">
                  <c:v>40832</c:v>
                </c:pt>
                <c:pt idx="7">
                  <c:v>40833</c:v>
                </c:pt>
                <c:pt idx="8">
                  <c:v>40834</c:v>
                </c:pt>
                <c:pt idx="9">
                  <c:v>40835</c:v>
                </c:pt>
                <c:pt idx="10">
                  <c:v>40836</c:v>
                </c:pt>
                <c:pt idx="11">
                  <c:v>40837</c:v>
                </c:pt>
                <c:pt idx="12">
                  <c:v>40838</c:v>
                </c:pt>
                <c:pt idx="13">
                  <c:v>40839</c:v>
                </c:pt>
                <c:pt idx="14">
                  <c:v>40840</c:v>
                </c:pt>
                <c:pt idx="15">
                  <c:v>40841</c:v>
                </c:pt>
                <c:pt idx="16">
                  <c:v>40842</c:v>
                </c:pt>
                <c:pt idx="17">
                  <c:v>40843</c:v>
                </c:pt>
                <c:pt idx="18">
                  <c:v>40844</c:v>
                </c:pt>
                <c:pt idx="19">
                  <c:v>40845</c:v>
                </c:pt>
                <c:pt idx="20">
                  <c:v>40846</c:v>
                </c:pt>
                <c:pt idx="21">
                  <c:v>40847</c:v>
                </c:pt>
                <c:pt idx="22">
                  <c:v>40848</c:v>
                </c:pt>
                <c:pt idx="23">
                  <c:v>40849</c:v>
                </c:pt>
                <c:pt idx="24">
                  <c:v>40850</c:v>
                </c:pt>
                <c:pt idx="25">
                  <c:v>40851</c:v>
                </c:pt>
                <c:pt idx="26">
                  <c:v>40852</c:v>
                </c:pt>
                <c:pt idx="27">
                  <c:v>40853</c:v>
                </c:pt>
                <c:pt idx="28">
                  <c:v>40854</c:v>
                </c:pt>
                <c:pt idx="29">
                  <c:v>40855</c:v>
                </c:pt>
                <c:pt idx="30">
                  <c:v>40856</c:v>
                </c:pt>
                <c:pt idx="31">
                  <c:v>40857</c:v>
                </c:pt>
                <c:pt idx="32">
                  <c:v>40858</c:v>
                </c:pt>
                <c:pt idx="33">
                  <c:v>40859</c:v>
                </c:pt>
                <c:pt idx="34">
                  <c:v>40860</c:v>
                </c:pt>
                <c:pt idx="35">
                  <c:v>40861</c:v>
                </c:pt>
                <c:pt idx="36">
                  <c:v>40862</c:v>
                </c:pt>
                <c:pt idx="37">
                  <c:v>40863</c:v>
                </c:pt>
                <c:pt idx="38">
                  <c:v>40864</c:v>
                </c:pt>
                <c:pt idx="39">
                  <c:v>40865</c:v>
                </c:pt>
                <c:pt idx="40">
                  <c:v>40866</c:v>
                </c:pt>
                <c:pt idx="41">
                  <c:v>40867</c:v>
                </c:pt>
                <c:pt idx="42">
                  <c:v>40868</c:v>
                </c:pt>
                <c:pt idx="43">
                  <c:v>40869</c:v>
                </c:pt>
                <c:pt idx="44">
                  <c:v>40870</c:v>
                </c:pt>
                <c:pt idx="45">
                  <c:v>40871</c:v>
                </c:pt>
                <c:pt idx="46">
                  <c:v>40872</c:v>
                </c:pt>
                <c:pt idx="47">
                  <c:v>40873</c:v>
                </c:pt>
                <c:pt idx="48">
                  <c:v>40874</c:v>
                </c:pt>
                <c:pt idx="49">
                  <c:v>40875</c:v>
                </c:pt>
                <c:pt idx="50">
                  <c:v>40876</c:v>
                </c:pt>
                <c:pt idx="51">
                  <c:v>40877</c:v>
                </c:pt>
                <c:pt idx="52">
                  <c:v>40878</c:v>
                </c:pt>
                <c:pt idx="53">
                  <c:v>40879</c:v>
                </c:pt>
                <c:pt idx="54">
                  <c:v>40880</c:v>
                </c:pt>
                <c:pt idx="55">
                  <c:v>40881</c:v>
                </c:pt>
                <c:pt idx="56">
                  <c:v>40882</c:v>
                </c:pt>
                <c:pt idx="57">
                  <c:v>40883</c:v>
                </c:pt>
                <c:pt idx="58">
                  <c:v>40884</c:v>
                </c:pt>
                <c:pt idx="59">
                  <c:v>40885</c:v>
                </c:pt>
                <c:pt idx="60">
                  <c:v>40886</c:v>
                </c:pt>
                <c:pt idx="61">
                  <c:v>40887</c:v>
                </c:pt>
                <c:pt idx="62">
                  <c:v>40888</c:v>
                </c:pt>
                <c:pt idx="63">
                  <c:v>40889</c:v>
                </c:pt>
                <c:pt idx="64">
                  <c:v>40890</c:v>
                </c:pt>
                <c:pt idx="65">
                  <c:v>40891</c:v>
                </c:pt>
                <c:pt idx="66">
                  <c:v>40892</c:v>
                </c:pt>
                <c:pt idx="67">
                  <c:v>40893</c:v>
                </c:pt>
                <c:pt idx="68">
                  <c:v>40894</c:v>
                </c:pt>
                <c:pt idx="69">
                  <c:v>40895</c:v>
                </c:pt>
                <c:pt idx="70">
                  <c:v>40896</c:v>
                </c:pt>
                <c:pt idx="71">
                  <c:v>40897</c:v>
                </c:pt>
                <c:pt idx="72">
                  <c:v>40898</c:v>
                </c:pt>
                <c:pt idx="73">
                  <c:v>40899</c:v>
                </c:pt>
                <c:pt idx="74">
                  <c:v>40900</c:v>
                </c:pt>
                <c:pt idx="75">
                  <c:v>40901</c:v>
                </c:pt>
                <c:pt idx="76">
                  <c:v>40902</c:v>
                </c:pt>
                <c:pt idx="77">
                  <c:v>40903</c:v>
                </c:pt>
                <c:pt idx="78">
                  <c:v>40904</c:v>
                </c:pt>
                <c:pt idx="79">
                  <c:v>40905</c:v>
                </c:pt>
                <c:pt idx="80">
                  <c:v>40906</c:v>
                </c:pt>
                <c:pt idx="81">
                  <c:v>40907</c:v>
                </c:pt>
                <c:pt idx="82">
                  <c:v>40908</c:v>
                </c:pt>
                <c:pt idx="83">
                  <c:v>40909</c:v>
                </c:pt>
                <c:pt idx="84">
                  <c:v>40910</c:v>
                </c:pt>
                <c:pt idx="85">
                  <c:v>40911</c:v>
                </c:pt>
                <c:pt idx="86">
                  <c:v>40912</c:v>
                </c:pt>
                <c:pt idx="87">
                  <c:v>40913</c:v>
                </c:pt>
                <c:pt idx="88">
                  <c:v>40914</c:v>
                </c:pt>
                <c:pt idx="89">
                  <c:v>40915</c:v>
                </c:pt>
                <c:pt idx="90">
                  <c:v>40916</c:v>
                </c:pt>
                <c:pt idx="91">
                  <c:v>40917</c:v>
                </c:pt>
                <c:pt idx="92">
                  <c:v>40918</c:v>
                </c:pt>
                <c:pt idx="93">
                  <c:v>40919</c:v>
                </c:pt>
                <c:pt idx="94">
                  <c:v>40920</c:v>
                </c:pt>
                <c:pt idx="95">
                  <c:v>40921</c:v>
                </c:pt>
                <c:pt idx="96">
                  <c:v>40922</c:v>
                </c:pt>
                <c:pt idx="97">
                  <c:v>40923</c:v>
                </c:pt>
                <c:pt idx="98">
                  <c:v>40924</c:v>
                </c:pt>
                <c:pt idx="99">
                  <c:v>40925</c:v>
                </c:pt>
                <c:pt idx="100">
                  <c:v>40926</c:v>
                </c:pt>
                <c:pt idx="101">
                  <c:v>40927</c:v>
                </c:pt>
                <c:pt idx="102">
                  <c:v>40928</c:v>
                </c:pt>
                <c:pt idx="103">
                  <c:v>40929</c:v>
                </c:pt>
                <c:pt idx="104">
                  <c:v>40930</c:v>
                </c:pt>
                <c:pt idx="105">
                  <c:v>40931</c:v>
                </c:pt>
                <c:pt idx="106">
                  <c:v>40932</c:v>
                </c:pt>
                <c:pt idx="107">
                  <c:v>40933</c:v>
                </c:pt>
                <c:pt idx="108">
                  <c:v>40934</c:v>
                </c:pt>
                <c:pt idx="109">
                  <c:v>40935</c:v>
                </c:pt>
                <c:pt idx="110">
                  <c:v>40936</c:v>
                </c:pt>
                <c:pt idx="111">
                  <c:v>40937</c:v>
                </c:pt>
                <c:pt idx="112">
                  <c:v>40938</c:v>
                </c:pt>
                <c:pt idx="113">
                  <c:v>40939</c:v>
                </c:pt>
                <c:pt idx="114">
                  <c:v>40940</c:v>
                </c:pt>
                <c:pt idx="115">
                  <c:v>40941</c:v>
                </c:pt>
                <c:pt idx="116">
                  <c:v>40942</c:v>
                </c:pt>
                <c:pt idx="117">
                  <c:v>40943</c:v>
                </c:pt>
                <c:pt idx="118">
                  <c:v>40944</c:v>
                </c:pt>
                <c:pt idx="119">
                  <c:v>40945</c:v>
                </c:pt>
                <c:pt idx="120">
                  <c:v>40946</c:v>
                </c:pt>
                <c:pt idx="121">
                  <c:v>40947</c:v>
                </c:pt>
                <c:pt idx="122">
                  <c:v>40948</c:v>
                </c:pt>
                <c:pt idx="123">
                  <c:v>40949</c:v>
                </c:pt>
                <c:pt idx="124">
                  <c:v>40950</c:v>
                </c:pt>
                <c:pt idx="125">
                  <c:v>40951</c:v>
                </c:pt>
                <c:pt idx="126">
                  <c:v>40952</c:v>
                </c:pt>
                <c:pt idx="127">
                  <c:v>40953</c:v>
                </c:pt>
                <c:pt idx="128">
                  <c:v>40954</c:v>
                </c:pt>
                <c:pt idx="129">
                  <c:v>40955</c:v>
                </c:pt>
                <c:pt idx="130">
                  <c:v>40956</c:v>
                </c:pt>
                <c:pt idx="131">
                  <c:v>40957</c:v>
                </c:pt>
                <c:pt idx="132">
                  <c:v>40958</c:v>
                </c:pt>
                <c:pt idx="133">
                  <c:v>40959</c:v>
                </c:pt>
                <c:pt idx="134">
                  <c:v>40960</c:v>
                </c:pt>
                <c:pt idx="135">
                  <c:v>40961</c:v>
                </c:pt>
                <c:pt idx="136">
                  <c:v>40962</c:v>
                </c:pt>
                <c:pt idx="137">
                  <c:v>40963</c:v>
                </c:pt>
                <c:pt idx="138">
                  <c:v>40964</c:v>
                </c:pt>
                <c:pt idx="139">
                  <c:v>40965</c:v>
                </c:pt>
                <c:pt idx="140">
                  <c:v>40966</c:v>
                </c:pt>
                <c:pt idx="141">
                  <c:v>40967</c:v>
                </c:pt>
                <c:pt idx="142">
                  <c:v>40968</c:v>
                </c:pt>
                <c:pt idx="143">
                  <c:v>40969</c:v>
                </c:pt>
                <c:pt idx="144">
                  <c:v>40970</c:v>
                </c:pt>
                <c:pt idx="145">
                  <c:v>40971</c:v>
                </c:pt>
                <c:pt idx="146">
                  <c:v>40972</c:v>
                </c:pt>
                <c:pt idx="147">
                  <c:v>40973</c:v>
                </c:pt>
                <c:pt idx="148">
                  <c:v>40974</c:v>
                </c:pt>
                <c:pt idx="149">
                  <c:v>40975</c:v>
                </c:pt>
                <c:pt idx="150">
                  <c:v>40976</c:v>
                </c:pt>
                <c:pt idx="151">
                  <c:v>40977</c:v>
                </c:pt>
                <c:pt idx="152">
                  <c:v>40978</c:v>
                </c:pt>
                <c:pt idx="153">
                  <c:v>40979</c:v>
                </c:pt>
                <c:pt idx="154">
                  <c:v>40980</c:v>
                </c:pt>
                <c:pt idx="155">
                  <c:v>40981</c:v>
                </c:pt>
                <c:pt idx="156">
                  <c:v>40982</c:v>
                </c:pt>
                <c:pt idx="157">
                  <c:v>40983</c:v>
                </c:pt>
                <c:pt idx="158">
                  <c:v>40984</c:v>
                </c:pt>
                <c:pt idx="159">
                  <c:v>40985</c:v>
                </c:pt>
                <c:pt idx="160">
                  <c:v>40986</c:v>
                </c:pt>
                <c:pt idx="161">
                  <c:v>40987</c:v>
                </c:pt>
                <c:pt idx="162">
                  <c:v>40988</c:v>
                </c:pt>
                <c:pt idx="163">
                  <c:v>40989</c:v>
                </c:pt>
                <c:pt idx="164">
                  <c:v>40990</c:v>
                </c:pt>
                <c:pt idx="165">
                  <c:v>40991</c:v>
                </c:pt>
                <c:pt idx="166">
                  <c:v>40992</c:v>
                </c:pt>
                <c:pt idx="167">
                  <c:v>40993</c:v>
                </c:pt>
                <c:pt idx="168">
                  <c:v>40994</c:v>
                </c:pt>
                <c:pt idx="169">
                  <c:v>40995</c:v>
                </c:pt>
                <c:pt idx="170">
                  <c:v>40996</c:v>
                </c:pt>
                <c:pt idx="171">
                  <c:v>40997</c:v>
                </c:pt>
                <c:pt idx="172">
                  <c:v>40998</c:v>
                </c:pt>
                <c:pt idx="173">
                  <c:v>40999</c:v>
                </c:pt>
                <c:pt idx="174">
                  <c:v>41000</c:v>
                </c:pt>
                <c:pt idx="175">
                  <c:v>41001</c:v>
                </c:pt>
                <c:pt idx="176">
                  <c:v>41002</c:v>
                </c:pt>
                <c:pt idx="177">
                  <c:v>41003</c:v>
                </c:pt>
                <c:pt idx="178">
                  <c:v>41004</c:v>
                </c:pt>
                <c:pt idx="179">
                  <c:v>41005</c:v>
                </c:pt>
                <c:pt idx="180">
                  <c:v>41006</c:v>
                </c:pt>
                <c:pt idx="181">
                  <c:v>41007</c:v>
                </c:pt>
                <c:pt idx="182">
                  <c:v>41008</c:v>
                </c:pt>
                <c:pt idx="183">
                  <c:v>41009</c:v>
                </c:pt>
                <c:pt idx="184">
                  <c:v>41010</c:v>
                </c:pt>
                <c:pt idx="185">
                  <c:v>41011</c:v>
                </c:pt>
                <c:pt idx="186">
                  <c:v>41012</c:v>
                </c:pt>
                <c:pt idx="187">
                  <c:v>41013</c:v>
                </c:pt>
                <c:pt idx="188">
                  <c:v>41014</c:v>
                </c:pt>
                <c:pt idx="189">
                  <c:v>41015</c:v>
                </c:pt>
                <c:pt idx="190">
                  <c:v>41016</c:v>
                </c:pt>
                <c:pt idx="191">
                  <c:v>41017</c:v>
                </c:pt>
                <c:pt idx="192">
                  <c:v>41018</c:v>
                </c:pt>
                <c:pt idx="193">
                  <c:v>41019</c:v>
                </c:pt>
                <c:pt idx="194">
                  <c:v>41020</c:v>
                </c:pt>
                <c:pt idx="195">
                  <c:v>41021</c:v>
                </c:pt>
                <c:pt idx="196">
                  <c:v>41022</c:v>
                </c:pt>
                <c:pt idx="197">
                  <c:v>41023</c:v>
                </c:pt>
                <c:pt idx="198">
                  <c:v>41024</c:v>
                </c:pt>
                <c:pt idx="199">
                  <c:v>41025</c:v>
                </c:pt>
                <c:pt idx="200">
                  <c:v>41026</c:v>
                </c:pt>
                <c:pt idx="201">
                  <c:v>41027</c:v>
                </c:pt>
                <c:pt idx="202">
                  <c:v>41028</c:v>
                </c:pt>
                <c:pt idx="203">
                  <c:v>41029</c:v>
                </c:pt>
                <c:pt idx="204">
                  <c:v>41030</c:v>
                </c:pt>
                <c:pt idx="205">
                  <c:v>41031</c:v>
                </c:pt>
                <c:pt idx="206">
                  <c:v>41032</c:v>
                </c:pt>
                <c:pt idx="207">
                  <c:v>41033</c:v>
                </c:pt>
                <c:pt idx="208">
                  <c:v>41034</c:v>
                </c:pt>
                <c:pt idx="209">
                  <c:v>41035</c:v>
                </c:pt>
                <c:pt idx="210">
                  <c:v>41036</c:v>
                </c:pt>
                <c:pt idx="211">
                  <c:v>41037</c:v>
                </c:pt>
                <c:pt idx="212">
                  <c:v>41038</c:v>
                </c:pt>
                <c:pt idx="213">
                  <c:v>41039</c:v>
                </c:pt>
                <c:pt idx="214">
                  <c:v>41040</c:v>
                </c:pt>
                <c:pt idx="215">
                  <c:v>41041</c:v>
                </c:pt>
                <c:pt idx="216">
                  <c:v>41042</c:v>
                </c:pt>
                <c:pt idx="217">
                  <c:v>41043</c:v>
                </c:pt>
                <c:pt idx="218">
                  <c:v>41044</c:v>
                </c:pt>
                <c:pt idx="219">
                  <c:v>41045</c:v>
                </c:pt>
                <c:pt idx="220">
                  <c:v>41046</c:v>
                </c:pt>
                <c:pt idx="221">
                  <c:v>41047</c:v>
                </c:pt>
                <c:pt idx="222">
                  <c:v>41048</c:v>
                </c:pt>
                <c:pt idx="223">
                  <c:v>41049</c:v>
                </c:pt>
                <c:pt idx="224">
                  <c:v>41050</c:v>
                </c:pt>
                <c:pt idx="225">
                  <c:v>41051</c:v>
                </c:pt>
                <c:pt idx="226">
                  <c:v>41052</c:v>
                </c:pt>
                <c:pt idx="227">
                  <c:v>41053</c:v>
                </c:pt>
                <c:pt idx="228">
                  <c:v>41054</c:v>
                </c:pt>
                <c:pt idx="229">
                  <c:v>41055</c:v>
                </c:pt>
                <c:pt idx="230">
                  <c:v>41056</c:v>
                </c:pt>
                <c:pt idx="231">
                  <c:v>41057</c:v>
                </c:pt>
                <c:pt idx="232">
                  <c:v>41058</c:v>
                </c:pt>
                <c:pt idx="233">
                  <c:v>41059</c:v>
                </c:pt>
                <c:pt idx="234">
                  <c:v>41060</c:v>
                </c:pt>
                <c:pt idx="235">
                  <c:v>41061</c:v>
                </c:pt>
                <c:pt idx="236">
                  <c:v>41062</c:v>
                </c:pt>
                <c:pt idx="237">
                  <c:v>41063</c:v>
                </c:pt>
                <c:pt idx="238">
                  <c:v>41064</c:v>
                </c:pt>
                <c:pt idx="239">
                  <c:v>41065</c:v>
                </c:pt>
                <c:pt idx="240">
                  <c:v>41066</c:v>
                </c:pt>
                <c:pt idx="241">
                  <c:v>41067</c:v>
                </c:pt>
                <c:pt idx="242">
                  <c:v>41068</c:v>
                </c:pt>
                <c:pt idx="243">
                  <c:v>41069</c:v>
                </c:pt>
                <c:pt idx="244">
                  <c:v>41070</c:v>
                </c:pt>
                <c:pt idx="245">
                  <c:v>41071</c:v>
                </c:pt>
                <c:pt idx="246">
                  <c:v>41072</c:v>
                </c:pt>
                <c:pt idx="247">
                  <c:v>41073</c:v>
                </c:pt>
                <c:pt idx="248">
                  <c:v>41074</c:v>
                </c:pt>
                <c:pt idx="249">
                  <c:v>41075</c:v>
                </c:pt>
                <c:pt idx="250">
                  <c:v>41076</c:v>
                </c:pt>
                <c:pt idx="251">
                  <c:v>41077</c:v>
                </c:pt>
                <c:pt idx="252">
                  <c:v>41078</c:v>
                </c:pt>
                <c:pt idx="253">
                  <c:v>41079</c:v>
                </c:pt>
                <c:pt idx="254">
                  <c:v>41080</c:v>
                </c:pt>
                <c:pt idx="255">
                  <c:v>41081</c:v>
                </c:pt>
                <c:pt idx="256">
                  <c:v>41082</c:v>
                </c:pt>
                <c:pt idx="257">
                  <c:v>41083</c:v>
                </c:pt>
                <c:pt idx="258">
                  <c:v>41084</c:v>
                </c:pt>
                <c:pt idx="259">
                  <c:v>41085</c:v>
                </c:pt>
                <c:pt idx="260">
                  <c:v>41086</c:v>
                </c:pt>
                <c:pt idx="261">
                  <c:v>41087</c:v>
                </c:pt>
                <c:pt idx="262">
                  <c:v>41088</c:v>
                </c:pt>
                <c:pt idx="263">
                  <c:v>41089</c:v>
                </c:pt>
                <c:pt idx="264">
                  <c:v>41090</c:v>
                </c:pt>
                <c:pt idx="265">
                  <c:v>41091</c:v>
                </c:pt>
                <c:pt idx="266">
                  <c:v>41092</c:v>
                </c:pt>
                <c:pt idx="267">
                  <c:v>41093</c:v>
                </c:pt>
                <c:pt idx="268">
                  <c:v>41094</c:v>
                </c:pt>
                <c:pt idx="269">
                  <c:v>41095</c:v>
                </c:pt>
                <c:pt idx="270">
                  <c:v>41096</c:v>
                </c:pt>
                <c:pt idx="271">
                  <c:v>41097</c:v>
                </c:pt>
                <c:pt idx="272">
                  <c:v>41098</c:v>
                </c:pt>
                <c:pt idx="273">
                  <c:v>41099</c:v>
                </c:pt>
                <c:pt idx="274">
                  <c:v>41100</c:v>
                </c:pt>
                <c:pt idx="275">
                  <c:v>41101</c:v>
                </c:pt>
                <c:pt idx="276">
                  <c:v>41102</c:v>
                </c:pt>
                <c:pt idx="277">
                  <c:v>41103</c:v>
                </c:pt>
                <c:pt idx="278">
                  <c:v>41104</c:v>
                </c:pt>
                <c:pt idx="279">
                  <c:v>41105</c:v>
                </c:pt>
                <c:pt idx="280">
                  <c:v>41106</c:v>
                </c:pt>
                <c:pt idx="281">
                  <c:v>41107</c:v>
                </c:pt>
                <c:pt idx="282">
                  <c:v>41108</c:v>
                </c:pt>
                <c:pt idx="283">
                  <c:v>41109</c:v>
                </c:pt>
                <c:pt idx="284">
                  <c:v>41110</c:v>
                </c:pt>
                <c:pt idx="285">
                  <c:v>41111</c:v>
                </c:pt>
                <c:pt idx="286">
                  <c:v>41112</c:v>
                </c:pt>
                <c:pt idx="287">
                  <c:v>41113</c:v>
                </c:pt>
                <c:pt idx="288">
                  <c:v>41114</c:v>
                </c:pt>
                <c:pt idx="289">
                  <c:v>41115</c:v>
                </c:pt>
                <c:pt idx="290">
                  <c:v>41116</c:v>
                </c:pt>
                <c:pt idx="291">
                  <c:v>41117</c:v>
                </c:pt>
                <c:pt idx="292">
                  <c:v>41118</c:v>
                </c:pt>
                <c:pt idx="293">
                  <c:v>41119</c:v>
                </c:pt>
                <c:pt idx="294">
                  <c:v>41120</c:v>
                </c:pt>
                <c:pt idx="295">
                  <c:v>41121</c:v>
                </c:pt>
                <c:pt idx="296">
                  <c:v>41122</c:v>
                </c:pt>
                <c:pt idx="297">
                  <c:v>41123</c:v>
                </c:pt>
                <c:pt idx="298">
                  <c:v>41124</c:v>
                </c:pt>
                <c:pt idx="299">
                  <c:v>41125</c:v>
                </c:pt>
                <c:pt idx="300">
                  <c:v>41126</c:v>
                </c:pt>
                <c:pt idx="301">
                  <c:v>41127</c:v>
                </c:pt>
                <c:pt idx="302">
                  <c:v>41128</c:v>
                </c:pt>
                <c:pt idx="303">
                  <c:v>41129</c:v>
                </c:pt>
                <c:pt idx="304">
                  <c:v>41130</c:v>
                </c:pt>
                <c:pt idx="305">
                  <c:v>41131</c:v>
                </c:pt>
                <c:pt idx="306">
                  <c:v>41132</c:v>
                </c:pt>
                <c:pt idx="307">
                  <c:v>41133</c:v>
                </c:pt>
                <c:pt idx="308">
                  <c:v>41134</c:v>
                </c:pt>
                <c:pt idx="309">
                  <c:v>41135</c:v>
                </c:pt>
                <c:pt idx="310">
                  <c:v>41136</c:v>
                </c:pt>
                <c:pt idx="311">
                  <c:v>41137</c:v>
                </c:pt>
                <c:pt idx="312">
                  <c:v>41138</c:v>
                </c:pt>
                <c:pt idx="313">
                  <c:v>41139</c:v>
                </c:pt>
                <c:pt idx="314">
                  <c:v>41140</c:v>
                </c:pt>
                <c:pt idx="315">
                  <c:v>41141</c:v>
                </c:pt>
                <c:pt idx="316">
                  <c:v>41142</c:v>
                </c:pt>
                <c:pt idx="317">
                  <c:v>41143</c:v>
                </c:pt>
                <c:pt idx="318">
                  <c:v>41144</c:v>
                </c:pt>
                <c:pt idx="319">
                  <c:v>41145</c:v>
                </c:pt>
                <c:pt idx="320">
                  <c:v>41146</c:v>
                </c:pt>
                <c:pt idx="321">
                  <c:v>41147</c:v>
                </c:pt>
                <c:pt idx="322">
                  <c:v>41148</c:v>
                </c:pt>
                <c:pt idx="323">
                  <c:v>41149</c:v>
                </c:pt>
                <c:pt idx="324">
                  <c:v>41150</c:v>
                </c:pt>
                <c:pt idx="325">
                  <c:v>41151</c:v>
                </c:pt>
                <c:pt idx="326">
                  <c:v>41152</c:v>
                </c:pt>
                <c:pt idx="327">
                  <c:v>41153</c:v>
                </c:pt>
                <c:pt idx="328">
                  <c:v>41154</c:v>
                </c:pt>
                <c:pt idx="329">
                  <c:v>41155</c:v>
                </c:pt>
                <c:pt idx="330">
                  <c:v>41156</c:v>
                </c:pt>
                <c:pt idx="331">
                  <c:v>41157</c:v>
                </c:pt>
                <c:pt idx="332">
                  <c:v>41158</c:v>
                </c:pt>
                <c:pt idx="333">
                  <c:v>41159</c:v>
                </c:pt>
                <c:pt idx="334">
                  <c:v>41160</c:v>
                </c:pt>
                <c:pt idx="335">
                  <c:v>41161</c:v>
                </c:pt>
                <c:pt idx="336">
                  <c:v>41162</c:v>
                </c:pt>
                <c:pt idx="337">
                  <c:v>41163</c:v>
                </c:pt>
                <c:pt idx="338">
                  <c:v>41164</c:v>
                </c:pt>
                <c:pt idx="339">
                  <c:v>41165</c:v>
                </c:pt>
                <c:pt idx="340">
                  <c:v>41166</c:v>
                </c:pt>
                <c:pt idx="341">
                  <c:v>41167</c:v>
                </c:pt>
                <c:pt idx="342">
                  <c:v>41168</c:v>
                </c:pt>
                <c:pt idx="343">
                  <c:v>41169</c:v>
                </c:pt>
                <c:pt idx="344">
                  <c:v>41170</c:v>
                </c:pt>
                <c:pt idx="345">
                  <c:v>41171</c:v>
                </c:pt>
                <c:pt idx="346">
                  <c:v>41172</c:v>
                </c:pt>
                <c:pt idx="347">
                  <c:v>41173</c:v>
                </c:pt>
                <c:pt idx="348">
                  <c:v>41174</c:v>
                </c:pt>
                <c:pt idx="349">
                  <c:v>41175</c:v>
                </c:pt>
                <c:pt idx="350">
                  <c:v>41176</c:v>
                </c:pt>
                <c:pt idx="351">
                  <c:v>41177</c:v>
                </c:pt>
                <c:pt idx="352">
                  <c:v>41178</c:v>
                </c:pt>
                <c:pt idx="353">
                  <c:v>41179</c:v>
                </c:pt>
                <c:pt idx="354">
                  <c:v>41180</c:v>
                </c:pt>
                <c:pt idx="355">
                  <c:v>41181</c:v>
                </c:pt>
                <c:pt idx="356">
                  <c:v>41182</c:v>
                </c:pt>
                <c:pt idx="357">
                  <c:v>41183</c:v>
                </c:pt>
                <c:pt idx="358">
                  <c:v>41184</c:v>
                </c:pt>
                <c:pt idx="359">
                  <c:v>41185</c:v>
                </c:pt>
                <c:pt idx="360">
                  <c:v>41186</c:v>
                </c:pt>
                <c:pt idx="361">
                  <c:v>41187</c:v>
                </c:pt>
                <c:pt idx="362">
                  <c:v>41188</c:v>
                </c:pt>
                <c:pt idx="363">
                  <c:v>41189</c:v>
                </c:pt>
                <c:pt idx="364">
                  <c:v>41190</c:v>
                </c:pt>
                <c:pt idx="365">
                  <c:v>41191</c:v>
                </c:pt>
                <c:pt idx="366">
                  <c:v>41192</c:v>
                </c:pt>
                <c:pt idx="367">
                  <c:v>41193</c:v>
                </c:pt>
                <c:pt idx="368">
                  <c:v>41194</c:v>
                </c:pt>
                <c:pt idx="369">
                  <c:v>41195</c:v>
                </c:pt>
                <c:pt idx="370">
                  <c:v>41196</c:v>
                </c:pt>
                <c:pt idx="371">
                  <c:v>41197</c:v>
                </c:pt>
                <c:pt idx="372">
                  <c:v>41198</c:v>
                </c:pt>
                <c:pt idx="373">
                  <c:v>41199</c:v>
                </c:pt>
                <c:pt idx="374">
                  <c:v>41200</c:v>
                </c:pt>
                <c:pt idx="375">
                  <c:v>41201</c:v>
                </c:pt>
                <c:pt idx="376">
                  <c:v>41202</c:v>
                </c:pt>
                <c:pt idx="377">
                  <c:v>41203</c:v>
                </c:pt>
                <c:pt idx="378">
                  <c:v>41204</c:v>
                </c:pt>
                <c:pt idx="379">
                  <c:v>41205</c:v>
                </c:pt>
                <c:pt idx="380">
                  <c:v>41206</c:v>
                </c:pt>
                <c:pt idx="381">
                  <c:v>41207</c:v>
                </c:pt>
                <c:pt idx="382">
                  <c:v>41208</c:v>
                </c:pt>
                <c:pt idx="383">
                  <c:v>41209</c:v>
                </c:pt>
                <c:pt idx="384">
                  <c:v>41210</c:v>
                </c:pt>
                <c:pt idx="385">
                  <c:v>41211</c:v>
                </c:pt>
                <c:pt idx="386">
                  <c:v>41212</c:v>
                </c:pt>
                <c:pt idx="387">
                  <c:v>41213</c:v>
                </c:pt>
                <c:pt idx="388">
                  <c:v>41214</c:v>
                </c:pt>
                <c:pt idx="389">
                  <c:v>41215</c:v>
                </c:pt>
                <c:pt idx="390">
                  <c:v>41216</c:v>
                </c:pt>
                <c:pt idx="391">
                  <c:v>41217</c:v>
                </c:pt>
                <c:pt idx="392">
                  <c:v>41218</c:v>
                </c:pt>
                <c:pt idx="393">
                  <c:v>41219</c:v>
                </c:pt>
                <c:pt idx="394">
                  <c:v>41220</c:v>
                </c:pt>
                <c:pt idx="395">
                  <c:v>41221</c:v>
                </c:pt>
                <c:pt idx="396">
                  <c:v>41222</c:v>
                </c:pt>
                <c:pt idx="397">
                  <c:v>41223</c:v>
                </c:pt>
                <c:pt idx="398">
                  <c:v>41224</c:v>
                </c:pt>
                <c:pt idx="399">
                  <c:v>41225</c:v>
                </c:pt>
                <c:pt idx="400">
                  <c:v>41226</c:v>
                </c:pt>
                <c:pt idx="401">
                  <c:v>41227</c:v>
                </c:pt>
                <c:pt idx="402">
                  <c:v>41228</c:v>
                </c:pt>
                <c:pt idx="403">
                  <c:v>41229</c:v>
                </c:pt>
                <c:pt idx="404">
                  <c:v>41230</c:v>
                </c:pt>
                <c:pt idx="405">
                  <c:v>41231</c:v>
                </c:pt>
                <c:pt idx="406">
                  <c:v>41232</c:v>
                </c:pt>
                <c:pt idx="407">
                  <c:v>41233</c:v>
                </c:pt>
                <c:pt idx="408">
                  <c:v>41234</c:v>
                </c:pt>
                <c:pt idx="409">
                  <c:v>41235</c:v>
                </c:pt>
                <c:pt idx="410">
                  <c:v>41236</c:v>
                </c:pt>
                <c:pt idx="411">
                  <c:v>41237</c:v>
                </c:pt>
                <c:pt idx="412">
                  <c:v>41238</c:v>
                </c:pt>
                <c:pt idx="413">
                  <c:v>41239</c:v>
                </c:pt>
                <c:pt idx="414">
                  <c:v>41240</c:v>
                </c:pt>
                <c:pt idx="415">
                  <c:v>41241</c:v>
                </c:pt>
                <c:pt idx="416">
                  <c:v>41242</c:v>
                </c:pt>
                <c:pt idx="417">
                  <c:v>41243</c:v>
                </c:pt>
                <c:pt idx="418">
                  <c:v>41244</c:v>
                </c:pt>
                <c:pt idx="419">
                  <c:v>41245</c:v>
                </c:pt>
                <c:pt idx="420">
                  <c:v>41246</c:v>
                </c:pt>
                <c:pt idx="421">
                  <c:v>41247</c:v>
                </c:pt>
                <c:pt idx="422">
                  <c:v>41248</c:v>
                </c:pt>
                <c:pt idx="423">
                  <c:v>41249</c:v>
                </c:pt>
                <c:pt idx="424">
                  <c:v>41250</c:v>
                </c:pt>
                <c:pt idx="425">
                  <c:v>41251</c:v>
                </c:pt>
                <c:pt idx="426">
                  <c:v>41252</c:v>
                </c:pt>
                <c:pt idx="427">
                  <c:v>41253</c:v>
                </c:pt>
                <c:pt idx="428">
                  <c:v>41254</c:v>
                </c:pt>
                <c:pt idx="429">
                  <c:v>41255</c:v>
                </c:pt>
                <c:pt idx="430">
                  <c:v>41256</c:v>
                </c:pt>
                <c:pt idx="431">
                  <c:v>41257</c:v>
                </c:pt>
                <c:pt idx="432">
                  <c:v>41258</c:v>
                </c:pt>
                <c:pt idx="433">
                  <c:v>41259</c:v>
                </c:pt>
                <c:pt idx="434">
                  <c:v>41260</c:v>
                </c:pt>
                <c:pt idx="435">
                  <c:v>41261</c:v>
                </c:pt>
                <c:pt idx="436">
                  <c:v>41262</c:v>
                </c:pt>
                <c:pt idx="437">
                  <c:v>41263</c:v>
                </c:pt>
                <c:pt idx="438">
                  <c:v>41264</c:v>
                </c:pt>
                <c:pt idx="439">
                  <c:v>41265</c:v>
                </c:pt>
                <c:pt idx="440">
                  <c:v>41266</c:v>
                </c:pt>
                <c:pt idx="441">
                  <c:v>41267</c:v>
                </c:pt>
                <c:pt idx="442">
                  <c:v>41268</c:v>
                </c:pt>
                <c:pt idx="443">
                  <c:v>41269</c:v>
                </c:pt>
                <c:pt idx="444">
                  <c:v>41270</c:v>
                </c:pt>
                <c:pt idx="445">
                  <c:v>41271</c:v>
                </c:pt>
                <c:pt idx="446">
                  <c:v>41272</c:v>
                </c:pt>
                <c:pt idx="447">
                  <c:v>41273</c:v>
                </c:pt>
                <c:pt idx="448">
                  <c:v>41274</c:v>
                </c:pt>
                <c:pt idx="449">
                  <c:v>41275</c:v>
                </c:pt>
                <c:pt idx="450">
                  <c:v>41276</c:v>
                </c:pt>
                <c:pt idx="451">
                  <c:v>41277</c:v>
                </c:pt>
                <c:pt idx="452">
                  <c:v>41278</c:v>
                </c:pt>
                <c:pt idx="453">
                  <c:v>41279</c:v>
                </c:pt>
                <c:pt idx="454">
                  <c:v>41280</c:v>
                </c:pt>
                <c:pt idx="455">
                  <c:v>41281</c:v>
                </c:pt>
                <c:pt idx="456">
                  <c:v>41282</c:v>
                </c:pt>
                <c:pt idx="457">
                  <c:v>41283</c:v>
                </c:pt>
                <c:pt idx="458">
                  <c:v>41284</c:v>
                </c:pt>
                <c:pt idx="459">
                  <c:v>41285</c:v>
                </c:pt>
                <c:pt idx="460">
                  <c:v>41286</c:v>
                </c:pt>
                <c:pt idx="461">
                  <c:v>41287</c:v>
                </c:pt>
                <c:pt idx="462">
                  <c:v>41288</c:v>
                </c:pt>
                <c:pt idx="463">
                  <c:v>41289</c:v>
                </c:pt>
                <c:pt idx="464">
                  <c:v>41290</c:v>
                </c:pt>
                <c:pt idx="465">
                  <c:v>41291</c:v>
                </c:pt>
                <c:pt idx="466">
                  <c:v>41292</c:v>
                </c:pt>
                <c:pt idx="467">
                  <c:v>41293</c:v>
                </c:pt>
                <c:pt idx="468">
                  <c:v>41294</c:v>
                </c:pt>
                <c:pt idx="469">
                  <c:v>41295</c:v>
                </c:pt>
                <c:pt idx="470">
                  <c:v>41296</c:v>
                </c:pt>
                <c:pt idx="471">
                  <c:v>41297</c:v>
                </c:pt>
                <c:pt idx="472">
                  <c:v>41298</c:v>
                </c:pt>
                <c:pt idx="473">
                  <c:v>41299</c:v>
                </c:pt>
                <c:pt idx="474">
                  <c:v>41300</c:v>
                </c:pt>
                <c:pt idx="475">
                  <c:v>41301</c:v>
                </c:pt>
                <c:pt idx="476">
                  <c:v>41302</c:v>
                </c:pt>
                <c:pt idx="477">
                  <c:v>41303</c:v>
                </c:pt>
                <c:pt idx="478">
                  <c:v>41304</c:v>
                </c:pt>
                <c:pt idx="479">
                  <c:v>41305</c:v>
                </c:pt>
                <c:pt idx="480">
                  <c:v>41306</c:v>
                </c:pt>
                <c:pt idx="481">
                  <c:v>41307</c:v>
                </c:pt>
                <c:pt idx="482">
                  <c:v>41308</c:v>
                </c:pt>
                <c:pt idx="483">
                  <c:v>41309</c:v>
                </c:pt>
                <c:pt idx="484">
                  <c:v>41310</c:v>
                </c:pt>
                <c:pt idx="485">
                  <c:v>41311</c:v>
                </c:pt>
                <c:pt idx="486">
                  <c:v>41312</c:v>
                </c:pt>
                <c:pt idx="487">
                  <c:v>41313</c:v>
                </c:pt>
                <c:pt idx="488">
                  <c:v>41314</c:v>
                </c:pt>
                <c:pt idx="489">
                  <c:v>41315</c:v>
                </c:pt>
                <c:pt idx="490">
                  <c:v>41316</c:v>
                </c:pt>
                <c:pt idx="491">
                  <c:v>41317</c:v>
                </c:pt>
                <c:pt idx="492">
                  <c:v>41318</c:v>
                </c:pt>
                <c:pt idx="493">
                  <c:v>41319</c:v>
                </c:pt>
                <c:pt idx="494">
                  <c:v>41320</c:v>
                </c:pt>
                <c:pt idx="495">
                  <c:v>41321</c:v>
                </c:pt>
                <c:pt idx="496">
                  <c:v>41322</c:v>
                </c:pt>
                <c:pt idx="497">
                  <c:v>41323</c:v>
                </c:pt>
                <c:pt idx="498">
                  <c:v>41324</c:v>
                </c:pt>
                <c:pt idx="499">
                  <c:v>41325</c:v>
                </c:pt>
                <c:pt idx="500">
                  <c:v>41326</c:v>
                </c:pt>
                <c:pt idx="501">
                  <c:v>41327</c:v>
                </c:pt>
                <c:pt idx="502">
                  <c:v>41328</c:v>
                </c:pt>
                <c:pt idx="503">
                  <c:v>41329</c:v>
                </c:pt>
                <c:pt idx="504">
                  <c:v>41330</c:v>
                </c:pt>
                <c:pt idx="505">
                  <c:v>41331</c:v>
                </c:pt>
                <c:pt idx="506">
                  <c:v>41332</c:v>
                </c:pt>
                <c:pt idx="507">
                  <c:v>41333</c:v>
                </c:pt>
                <c:pt idx="508">
                  <c:v>41334</c:v>
                </c:pt>
                <c:pt idx="509">
                  <c:v>41335</c:v>
                </c:pt>
                <c:pt idx="510">
                  <c:v>41336</c:v>
                </c:pt>
                <c:pt idx="511">
                  <c:v>41337</c:v>
                </c:pt>
                <c:pt idx="512">
                  <c:v>41338</c:v>
                </c:pt>
                <c:pt idx="513">
                  <c:v>41339</c:v>
                </c:pt>
                <c:pt idx="514">
                  <c:v>41340</c:v>
                </c:pt>
                <c:pt idx="515">
                  <c:v>41341</c:v>
                </c:pt>
                <c:pt idx="516">
                  <c:v>41342</c:v>
                </c:pt>
                <c:pt idx="517">
                  <c:v>41343</c:v>
                </c:pt>
                <c:pt idx="518">
                  <c:v>41344</c:v>
                </c:pt>
                <c:pt idx="519">
                  <c:v>41345</c:v>
                </c:pt>
                <c:pt idx="520">
                  <c:v>41346</c:v>
                </c:pt>
                <c:pt idx="521">
                  <c:v>41347</c:v>
                </c:pt>
                <c:pt idx="522">
                  <c:v>41348</c:v>
                </c:pt>
                <c:pt idx="523">
                  <c:v>41349</c:v>
                </c:pt>
                <c:pt idx="524">
                  <c:v>41350</c:v>
                </c:pt>
                <c:pt idx="525">
                  <c:v>41351</c:v>
                </c:pt>
                <c:pt idx="526">
                  <c:v>41352</c:v>
                </c:pt>
                <c:pt idx="527">
                  <c:v>41353</c:v>
                </c:pt>
                <c:pt idx="528">
                  <c:v>41354</c:v>
                </c:pt>
                <c:pt idx="529">
                  <c:v>41355</c:v>
                </c:pt>
                <c:pt idx="530">
                  <c:v>41356</c:v>
                </c:pt>
                <c:pt idx="531">
                  <c:v>41357</c:v>
                </c:pt>
                <c:pt idx="532">
                  <c:v>41358</c:v>
                </c:pt>
                <c:pt idx="533">
                  <c:v>41359</c:v>
                </c:pt>
                <c:pt idx="534">
                  <c:v>41360</c:v>
                </c:pt>
                <c:pt idx="535">
                  <c:v>41361</c:v>
                </c:pt>
                <c:pt idx="536">
                  <c:v>41362</c:v>
                </c:pt>
                <c:pt idx="537">
                  <c:v>41363</c:v>
                </c:pt>
                <c:pt idx="538">
                  <c:v>41364</c:v>
                </c:pt>
                <c:pt idx="539">
                  <c:v>41365</c:v>
                </c:pt>
                <c:pt idx="540">
                  <c:v>41366</c:v>
                </c:pt>
                <c:pt idx="541">
                  <c:v>41367</c:v>
                </c:pt>
                <c:pt idx="542">
                  <c:v>41368</c:v>
                </c:pt>
                <c:pt idx="543">
                  <c:v>41369</c:v>
                </c:pt>
                <c:pt idx="544">
                  <c:v>41370</c:v>
                </c:pt>
                <c:pt idx="545">
                  <c:v>41371</c:v>
                </c:pt>
                <c:pt idx="546">
                  <c:v>41372</c:v>
                </c:pt>
                <c:pt idx="547">
                  <c:v>41373</c:v>
                </c:pt>
                <c:pt idx="548">
                  <c:v>41374</c:v>
                </c:pt>
                <c:pt idx="549">
                  <c:v>41375</c:v>
                </c:pt>
                <c:pt idx="550">
                  <c:v>41376</c:v>
                </c:pt>
                <c:pt idx="551">
                  <c:v>41377</c:v>
                </c:pt>
                <c:pt idx="552">
                  <c:v>41378</c:v>
                </c:pt>
                <c:pt idx="553">
                  <c:v>41379</c:v>
                </c:pt>
                <c:pt idx="554">
                  <c:v>41380</c:v>
                </c:pt>
                <c:pt idx="555">
                  <c:v>41381</c:v>
                </c:pt>
                <c:pt idx="556">
                  <c:v>41382</c:v>
                </c:pt>
                <c:pt idx="557">
                  <c:v>41383</c:v>
                </c:pt>
                <c:pt idx="558">
                  <c:v>41384</c:v>
                </c:pt>
                <c:pt idx="559">
                  <c:v>41385</c:v>
                </c:pt>
                <c:pt idx="560">
                  <c:v>41386</c:v>
                </c:pt>
                <c:pt idx="561">
                  <c:v>41387</c:v>
                </c:pt>
                <c:pt idx="562">
                  <c:v>41388</c:v>
                </c:pt>
                <c:pt idx="563">
                  <c:v>41389</c:v>
                </c:pt>
                <c:pt idx="564">
                  <c:v>41390</c:v>
                </c:pt>
                <c:pt idx="565">
                  <c:v>41391</c:v>
                </c:pt>
                <c:pt idx="566">
                  <c:v>41392</c:v>
                </c:pt>
                <c:pt idx="567">
                  <c:v>41393</c:v>
                </c:pt>
                <c:pt idx="568">
                  <c:v>41394</c:v>
                </c:pt>
                <c:pt idx="569">
                  <c:v>41395</c:v>
                </c:pt>
                <c:pt idx="570">
                  <c:v>41396</c:v>
                </c:pt>
                <c:pt idx="571">
                  <c:v>41397</c:v>
                </c:pt>
                <c:pt idx="572">
                  <c:v>41398</c:v>
                </c:pt>
                <c:pt idx="573">
                  <c:v>41399</c:v>
                </c:pt>
                <c:pt idx="574">
                  <c:v>41400</c:v>
                </c:pt>
                <c:pt idx="575">
                  <c:v>41401</c:v>
                </c:pt>
                <c:pt idx="576">
                  <c:v>41402</c:v>
                </c:pt>
                <c:pt idx="577">
                  <c:v>41403</c:v>
                </c:pt>
                <c:pt idx="578">
                  <c:v>41404</c:v>
                </c:pt>
                <c:pt idx="579">
                  <c:v>41405</c:v>
                </c:pt>
                <c:pt idx="580">
                  <c:v>41406</c:v>
                </c:pt>
                <c:pt idx="581">
                  <c:v>41407</c:v>
                </c:pt>
                <c:pt idx="582">
                  <c:v>41408</c:v>
                </c:pt>
                <c:pt idx="583">
                  <c:v>41409</c:v>
                </c:pt>
                <c:pt idx="584">
                  <c:v>41410</c:v>
                </c:pt>
                <c:pt idx="585">
                  <c:v>41411</c:v>
                </c:pt>
                <c:pt idx="586">
                  <c:v>41412</c:v>
                </c:pt>
                <c:pt idx="587">
                  <c:v>41413</c:v>
                </c:pt>
                <c:pt idx="588">
                  <c:v>41414</c:v>
                </c:pt>
                <c:pt idx="589">
                  <c:v>41415</c:v>
                </c:pt>
                <c:pt idx="590">
                  <c:v>41416</c:v>
                </c:pt>
                <c:pt idx="591">
                  <c:v>41417</c:v>
                </c:pt>
                <c:pt idx="592">
                  <c:v>41418</c:v>
                </c:pt>
                <c:pt idx="593">
                  <c:v>41419</c:v>
                </c:pt>
                <c:pt idx="594">
                  <c:v>41420</c:v>
                </c:pt>
                <c:pt idx="595">
                  <c:v>41421</c:v>
                </c:pt>
                <c:pt idx="596">
                  <c:v>41422</c:v>
                </c:pt>
                <c:pt idx="597">
                  <c:v>41423</c:v>
                </c:pt>
                <c:pt idx="598">
                  <c:v>41424</c:v>
                </c:pt>
                <c:pt idx="599">
                  <c:v>41425</c:v>
                </c:pt>
                <c:pt idx="600">
                  <c:v>41426</c:v>
                </c:pt>
                <c:pt idx="601">
                  <c:v>41427</c:v>
                </c:pt>
                <c:pt idx="602">
                  <c:v>41428</c:v>
                </c:pt>
                <c:pt idx="603">
                  <c:v>41429</c:v>
                </c:pt>
                <c:pt idx="604">
                  <c:v>41430</c:v>
                </c:pt>
                <c:pt idx="605">
                  <c:v>41431</c:v>
                </c:pt>
                <c:pt idx="606">
                  <c:v>41432</c:v>
                </c:pt>
                <c:pt idx="607">
                  <c:v>41433</c:v>
                </c:pt>
                <c:pt idx="608">
                  <c:v>41434</c:v>
                </c:pt>
                <c:pt idx="609">
                  <c:v>41435</c:v>
                </c:pt>
                <c:pt idx="610">
                  <c:v>41436</c:v>
                </c:pt>
                <c:pt idx="611">
                  <c:v>41437</c:v>
                </c:pt>
                <c:pt idx="612">
                  <c:v>41438</c:v>
                </c:pt>
                <c:pt idx="613">
                  <c:v>41439</c:v>
                </c:pt>
                <c:pt idx="614">
                  <c:v>41440</c:v>
                </c:pt>
                <c:pt idx="615">
                  <c:v>41441</c:v>
                </c:pt>
                <c:pt idx="616">
                  <c:v>41442</c:v>
                </c:pt>
                <c:pt idx="617">
                  <c:v>41443</c:v>
                </c:pt>
                <c:pt idx="618">
                  <c:v>41444</c:v>
                </c:pt>
                <c:pt idx="619">
                  <c:v>41445</c:v>
                </c:pt>
                <c:pt idx="620">
                  <c:v>41446</c:v>
                </c:pt>
                <c:pt idx="621">
                  <c:v>41447</c:v>
                </c:pt>
                <c:pt idx="622">
                  <c:v>41448</c:v>
                </c:pt>
                <c:pt idx="623">
                  <c:v>41449</c:v>
                </c:pt>
                <c:pt idx="624">
                  <c:v>41450</c:v>
                </c:pt>
                <c:pt idx="625">
                  <c:v>41451</c:v>
                </c:pt>
                <c:pt idx="626">
                  <c:v>41452</c:v>
                </c:pt>
                <c:pt idx="627">
                  <c:v>41453</c:v>
                </c:pt>
                <c:pt idx="628">
                  <c:v>41454</c:v>
                </c:pt>
                <c:pt idx="629">
                  <c:v>41455</c:v>
                </c:pt>
                <c:pt idx="630">
                  <c:v>41456</c:v>
                </c:pt>
                <c:pt idx="631">
                  <c:v>41457</c:v>
                </c:pt>
                <c:pt idx="632">
                  <c:v>41458</c:v>
                </c:pt>
                <c:pt idx="633">
                  <c:v>41459</c:v>
                </c:pt>
                <c:pt idx="634">
                  <c:v>41460</c:v>
                </c:pt>
                <c:pt idx="635">
                  <c:v>41461</c:v>
                </c:pt>
                <c:pt idx="636">
                  <c:v>41462</c:v>
                </c:pt>
                <c:pt idx="637">
                  <c:v>41463</c:v>
                </c:pt>
                <c:pt idx="638">
                  <c:v>41464</c:v>
                </c:pt>
                <c:pt idx="639">
                  <c:v>41465</c:v>
                </c:pt>
                <c:pt idx="640">
                  <c:v>41466</c:v>
                </c:pt>
                <c:pt idx="641">
                  <c:v>41467</c:v>
                </c:pt>
                <c:pt idx="642">
                  <c:v>41468</c:v>
                </c:pt>
                <c:pt idx="643">
                  <c:v>41469</c:v>
                </c:pt>
                <c:pt idx="644">
                  <c:v>41470</c:v>
                </c:pt>
                <c:pt idx="645">
                  <c:v>41471</c:v>
                </c:pt>
                <c:pt idx="646">
                  <c:v>41472</c:v>
                </c:pt>
                <c:pt idx="647">
                  <c:v>41473</c:v>
                </c:pt>
                <c:pt idx="648">
                  <c:v>41474</c:v>
                </c:pt>
                <c:pt idx="649">
                  <c:v>41475</c:v>
                </c:pt>
                <c:pt idx="650">
                  <c:v>41476</c:v>
                </c:pt>
                <c:pt idx="651">
                  <c:v>41477</c:v>
                </c:pt>
                <c:pt idx="652">
                  <c:v>41478</c:v>
                </c:pt>
                <c:pt idx="653">
                  <c:v>41479</c:v>
                </c:pt>
                <c:pt idx="654">
                  <c:v>41480</c:v>
                </c:pt>
                <c:pt idx="655">
                  <c:v>41481</c:v>
                </c:pt>
                <c:pt idx="656">
                  <c:v>41482</c:v>
                </c:pt>
                <c:pt idx="657">
                  <c:v>41483</c:v>
                </c:pt>
                <c:pt idx="658">
                  <c:v>41484</c:v>
                </c:pt>
                <c:pt idx="659">
                  <c:v>41485</c:v>
                </c:pt>
                <c:pt idx="660">
                  <c:v>41486</c:v>
                </c:pt>
                <c:pt idx="661">
                  <c:v>41487</c:v>
                </c:pt>
                <c:pt idx="662">
                  <c:v>41488</c:v>
                </c:pt>
                <c:pt idx="663">
                  <c:v>41489</c:v>
                </c:pt>
                <c:pt idx="664">
                  <c:v>41490</c:v>
                </c:pt>
                <c:pt idx="665">
                  <c:v>41491</c:v>
                </c:pt>
                <c:pt idx="666">
                  <c:v>41492</c:v>
                </c:pt>
                <c:pt idx="667">
                  <c:v>41493</c:v>
                </c:pt>
                <c:pt idx="668">
                  <c:v>41494</c:v>
                </c:pt>
                <c:pt idx="669">
                  <c:v>41495</c:v>
                </c:pt>
                <c:pt idx="670">
                  <c:v>41496</c:v>
                </c:pt>
                <c:pt idx="671">
                  <c:v>41497</c:v>
                </c:pt>
                <c:pt idx="672">
                  <c:v>41498</c:v>
                </c:pt>
                <c:pt idx="673">
                  <c:v>41499</c:v>
                </c:pt>
                <c:pt idx="674">
                  <c:v>41500</c:v>
                </c:pt>
                <c:pt idx="675">
                  <c:v>41501</c:v>
                </c:pt>
                <c:pt idx="676">
                  <c:v>41502</c:v>
                </c:pt>
                <c:pt idx="677">
                  <c:v>41503</c:v>
                </c:pt>
                <c:pt idx="678">
                  <c:v>41504</c:v>
                </c:pt>
                <c:pt idx="679">
                  <c:v>41505</c:v>
                </c:pt>
                <c:pt idx="680">
                  <c:v>41506</c:v>
                </c:pt>
                <c:pt idx="681">
                  <c:v>41507</c:v>
                </c:pt>
                <c:pt idx="682">
                  <c:v>41508</c:v>
                </c:pt>
                <c:pt idx="683">
                  <c:v>41509</c:v>
                </c:pt>
                <c:pt idx="684">
                  <c:v>41510</c:v>
                </c:pt>
                <c:pt idx="685">
                  <c:v>41511</c:v>
                </c:pt>
                <c:pt idx="686">
                  <c:v>41512</c:v>
                </c:pt>
                <c:pt idx="687">
                  <c:v>41513</c:v>
                </c:pt>
                <c:pt idx="688">
                  <c:v>41514</c:v>
                </c:pt>
                <c:pt idx="689">
                  <c:v>41515</c:v>
                </c:pt>
                <c:pt idx="690">
                  <c:v>41516</c:v>
                </c:pt>
                <c:pt idx="691">
                  <c:v>41517</c:v>
                </c:pt>
                <c:pt idx="692">
                  <c:v>41518</c:v>
                </c:pt>
                <c:pt idx="693">
                  <c:v>41519</c:v>
                </c:pt>
                <c:pt idx="694">
                  <c:v>41520</c:v>
                </c:pt>
                <c:pt idx="695">
                  <c:v>41521</c:v>
                </c:pt>
                <c:pt idx="696">
                  <c:v>41522</c:v>
                </c:pt>
                <c:pt idx="697">
                  <c:v>41523</c:v>
                </c:pt>
                <c:pt idx="698">
                  <c:v>41524</c:v>
                </c:pt>
                <c:pt idx="699">
                  <c:v>41525</c:v>
                </c:pt>
                <c:pt idx="700">
                  <c:v>41526</c:v>
                </c:pt>
                <c:pt idx="701">
                  <c:v>41527</c:v>
                </c:pt>
                <c:pt idx="702">
                  <c:v>41528</c:v>
                </c:pt>
                <c:pt idx="703">
                  <c:v>41529</c:v>
                </c:pt>
                <c:pt idx="704">
                  <c:v>41530</c:v>
                </c:pt>
                <c:pt idx="705">
                  <c:v>41531</c:v>
                </c:pt>
                <c:pt idx="706">
                  <c:v>41532</c:v>
                </c:pt>
                <c:pt idx="707">
                  <c:v>41533</c:v>
                </c:pt>
                <c:pt idx="708">
                  <c:v>41534</c:v>
                </c:pt>
                <c:pt idx="709">
                  <c:v>41535</c:v>
                </c:pt>
                <c:pt idx="710">
                  <c:v>41536</c:v>
                </c:pt>
                <c:pt idx="711">
                  <c:v>41537</c:v>
                </c:pt>
                <c:pt idx="712">
                  <c:v>41538</c:v>
                </c:pt>
                <c:pt idx="713">
                  <c:v>41539</c:v>
                </c:pt>
                <c:pt idx="714">
                  <c:v>41540</c:v>
                </c:pt>
                <c:pt idx="715">
                  <c:v>41541</c:v>
                </c:pt>
                <c:pt idx="716">
                  <c:v>41542</c:v>
                </c:pt>
                <c:pt idx="717">
                  <c:v>41543</c:v>
                </c:pt>
                <c:pt idx="718">
                  <c:v>41544</c:v>
                </c:pt>
                <c:pt idx="719">
                  <c:v>41545</c:v>
                </c:pt>
                <c:pt idx="720">
                  <c:v>41546</c:v>
                </c:pt>
                <c:pt idx="721">
                  <c:v>41547</c:v>
                </c:pt>
                <c:pt idx="722">
                  <c:v>41548</c:v>
                </c:pt>
                <c:pt idx="723">
                  <c:v>41549</c:v>
                </c:pt>
                <c:pt idx="724">
                  <c:v>41550</c:v>
                </c:pt>
                <c:pt idx="725">
                  <c:v>41551</c:v>
                </c:pt>
                <c:pt idx="726">
                  <c:v>41552</c:v>
                </c:pt>
                <c:pt idx="727">
                  <c:v>41553</c:v>
                </c:pt>
                <c:pt idx="728">
                  <c:v>41554</c:v>
                </c:pt>
                <c:pt idx="729">
                  <c:v>41555</c:v>
                </c:pt>
                <c:pt idx="730">
                  <c:v>41556</c:v>
                </c:pt>
                <c:pt idx="731">
                  <c:v>41557</c:v>
                </c:pt>
                <c:pt idx="732">
                  <c:v>41558</c:v>
                </c:pt>
                <c:pt idx="733">
                  <c:v>41559</c:v>
                </c:pt>
                <c:pt idx="734">
                  <c:v>41560</c:v>
                </c:pt>
                <c:pt idx="735">
                  <c:v>41561</c:v>
                </c:pt>
                <c:pt idx="736">
                  <c:v>41562</c:v>
                </c:pt>
                <c:pt idx="737">
                  <c:v>41563</c:v>
                </c:pt>
                <c:pt idx="738">
                  <c:v>41564</c:v>
                </c:pt>
                <c:pt idx="739">
                  <c:v>41565</c:v>
                </c:pt>
                <c:pt idx="740">
                  <c:v>41566</c:v>
                </c:pt>
                <c:pt idx="741">
                  <c:v>41567</c:v>
                </c:pt>
                <c:pt idx="742">
                  <c:v>41568</c:v>
                </c:pt>
                <c:pt idx="743">
                  <c:v>41569</c:v>
                </c:pt>
                <c:pt idx="744">
                  <c:v>41570</c:v>
                </c:pt>
                <c:pt idx="745">
                  <c:v>41571</c:v>
                </c:pt>
                <c:pt idx="746">
                  <c:v>41572</c:v>
                </c:pt>
                <c:pt idx="747">
                  <c:v>41573</c:v>
                </c:pt>
                <c:pt idx="748">
                  <c:v>41574</c:v>
                </c:pt>
                <c:pt idx="749">
                  <c:v>41575</c:v>
                </c:pt>
                <c:pt idx="750">
                  <c:v>41576</c:v>
                </c:pt>
                <c:pt idx="751">
                  <c:v>41577</c:v>
                </c:pt>
                <c:pt idx="752">
                  <c:v>41578</c:v>
                </c:pt>
                <c:pt idx="753">
                  <c:v>41579</c:v>
                </c:pt>
                <c:pt idx="754">
                  <c:v>41580</c:v>
                </c:pt>
                <c:pt idx="755">
                  <c:v>41581</c:v>
                </c:pt>
                <c:pt idx="756">
                  <c:v>41582</c:v>
                </c:pt>
                <c:pt idx="757">
                  <c:v>41583</c:v>
                </c:pt>
                <c:pt idx="758">
                  <c:v>41584</c:v>
                </c:pt>
                <c:pt idx="759">
                  <c:v>41585</c:v>
                </c:pt>
                <c:pt idx="760">
                  <c:v>41586</c:v>
                </c:pt>
                <c:pt idx="761">
                  <c:v>41587</c:v>
                </c:pt>
                <c:pt idx="762">
                  <c:v>41588</c:v>
                </c:pt>
                <c:pt idx="763">
                  <c:v>41589</c:v>
                </c:pt>
                <c:pt idx="764">
                  <c:v>41590</c:v>
                </c:pt>
                <c:pt idx="765">
                  <c:v>41591</c:v>
                </c:pt>
                <c:pt idx="766">
                  <c:v>41592</c:v>
                </c:pt>
                <c:pt idx="767">
                  <c:v>41593</c:v>
                </c:pt>
                <c:pt idx="768">
                  <c:v>41594</c:v>
                </c:pt>
                <c:pt idx="769">
                  <c:v>41595</c:v>
                </c:pt>
                <c:pt idx="770">
                  <c:v>41596</c:v>
                </c:pt>
                <c:pt idx="771">
                  <c:v>41597</c:v>
                </c:pt>
                <c:pt idx="772">
                  <c:v>41598</c:v>
                </c:pt>
                <c:pt idx="773">
                  <c:v>41599</c:v>
                </c:pt>
                <c:pt idx="774">
                  <c:v>41600</c:v>
                </c:pt>
                <c:pt idx="775">
                  <c:v>41601</c:v>
                </c:pt>
                <c:pt idx="776">
                  <c:v>41602</c:v>
                </c:pt>
                <c:pt idx="777">
                  <c:v>41603</c:v>
                </c:pt>
                <c:pt idx="778">
                  <c:v>41604</c:v>
                </c:pt>
                <c:pt idx="779">
                  <c:v>41605</c:v>
                </c:pt>
                <c:pt idx="780">
                  <c:v>41606</c:v>
                </c:pt>
                <c:pt idx="781">
                  <c:v>41607</c:v>
                </c:pt>
                <c:pt idx="782">
                  <c:v>41608</c:v>
                </c:pt>
                <c:pt idx="783">
                  <c:v>41609</c:v>
                </c:pt>
                <c:pt idx="784">
                  <c:v>41610</c:v>
                </c:pt>
                <c:pt idx="785">
                  <c:v>41611</c:v>
                </c:pt>
                <c:pt idx="786">
                  <c:v>41612</c:v>
                </c:pt>
                <c:pt idx="787">
                  <c:v>41613</c:v>
                </c:pt>
                <c:pt idx="788">
                  <c:v>41614</c:v>
                </c:pt>
                <c:pt idx="789">
                  <c:v>41615</c:v>
                </c:pt>
                <c:pt idx="790">
                  <c:v>41616</c:v>
                </c:pt>
                <c:pt idx="791">
                  <c:v>41617</c:v>
                </c:pt>
                <c:pt idx="792">
                  <c:v>41618</c:v>
                </c:pt>
                <c:pt idx="793">
                  <c:v>41619</c:v>
                </c:pt>
                <c:pt idx="794">
                  <c:v>41620</c:v>
                </c:pt>
                <c:pt idx="795">
                  <c:v>41621</c:v>
                </c:pt>
                <c:pt idx="796">
                  <c:v>41622</c:v>
                </c:pt>
                <c:pt idx="797">
                  <c:v>41623</c:v>
                </c:pt>
                <c:pt idx="798">
                  <c:v>41624</c:v>
                </c:pt>
                <c:pt idx="799">
                  <c:v>41625</c:v>
                </c:pt>
                <c:pt idx="800">
                  <c:v>41626</c:v>
                </c:pt>
                <c:pt idx="801">
                  <c:v>41627</c:v>
                </c:pt>
                <c:pt idx="802">
                  <c:v>41628</c:v>
                </c:pt>
                <c:pt idx="803">
                  <c:v>41629</c:v>
                </c:pt>
                <c:pt idx="804">
                  <c:v>41630</c:v>
                </c:pt>
                <c:pt idx="805">
                  <c:v>41631</c:v>
                </c:pt>
                <c:pt idx="806">
                  <c:v>41632</c:v>
                </c:pt>
                <c:pt idx="807">
                  <c:v>41633</c:v>
                </c:pt>
                <c:pt idx="808">
                  <c:v>41634</c:v>
                </c:pt>
                <c:pt idx="809">
                  <c:v>41635</c:v>
                </c:pt>
                <c:pt idx="810">
                  <c:v>41636</c:v>
                </c:pt>
                <c:pt idx="811">
                  <c:v>41637</c:v>
                </c:pt>
                <c:pt idx="812">
                  <c:v>41638</c:v>
                </c:pt>
                <c:pt idx="813">
                  <c:v>41639</c:v>
                </c:pt>
                <c:pt idx="814">
                  <c:v>41640</c:v>
                </c:pt>
                <c:pt idx="815">
                  <c:v>41641</c:v>
                </c:pt>
                <c:pt idx="816">
                  <c:v>41642</c:v>
                </c:pt>
                <c:pt idx="817">
                  <c:v>41643</c:v>
                </c:pt>
                <c:pt idx="818">
                  <c:v>41644</c:v>
                </c:pt>
                <c:pt idx="819">
                  <c:v>41645</c:v>
                </c:pt>
                <c:pt idx="820">
                  <c:v>41646</c:v>
                </c:pt>
                <c:pt idx="821">
                  <c:v>41647</c:v>
                </c:pt>
                <c:pt idx="822">
                  <c:v>41648</c:v>
                </c:pt>
                <c:pt idx="823">
                  <c:v>41649</c:v>
                </c:pt>
                <c:pt idx="824">
                  <c:v>41650</c:v>
                </c:pt>
                <c:pt idx="825">
                  <c:v>41651</c:v>
                </c:pt>
                <c:pt idx="826">
                  <c:v>41652</c:v>
                </c:pt>
                <c:pt idx="827">
                  <c:v>41653</c:v>
                </c:pt>
                <c:pt idx="828">
                  <c:v>41654</c:v>
                </c:pt>
                <c:pt idx="829">
                  <c:v>41655</c:v>
                </c:pt>
                <c:pt idx="830">
                  <c:v>41656</c:v>
                </c:pt>
                <c:pt idx="831">
                  <c:v>41657</c:v>
                </c:pt>
                <c:pt idx="832">
                  <c:v>41658</c:v>
                </c:pt>
                <c:pt idx="833">
                  <c:v>41659</c:v>
                </c:pt>
                <c:pt idx="834">
                  <c:v>41660</c:v>
                </c:pt>
                <c:pt idx="835">
                  <c:v>41661</c:v>
                </c:pt>
                <c:pt idx="836">
                  <c:v>41662</c:v>
                </c:pt>
                <c:pt idx="837">
                  <c:v>41663</c:v>
                </c:pt>
                <c:pt idx="838">
                  <c:v>41664</c:v>
                </c:pt>
                <c:pt idx="839">
                  <c:v>41665</c:v>
                </c:pt>
                <c:pt idx="840">
                  <c:v>41666</c:v>
                </c:pt>
                <c:pt idx="841">
                  <c:v>41667</c:v>
                </c:pt>
                <c:pt idx="842">
                  <c:v>41668</c:v>
                </c:pt>
                <c:pt idx="843">
                  <c:v>41669</c:v>
                </c:pt>
                <c:pt idx="844">
                  <c:v>41670</c:v>
                </c:pt>
                <c:pt idx="845">
                  <c:v>41671</c:v>
                </c:pt>
                <c:pt idx="846">
                  <c:v>41672</c:v>
                </c:pt>
                <c:pt idx="847">
                  <c:v>41673</c:v>
                </c:pt>
                <c:pt idx="848">
                  <c:v>41674</c:v>
                </c:pt>
                <c:pt idx="849">
                  <c:v>41675</c:v>
                </c:pt>
                <c:pt idx="850">
                  <c:v>41676</c:v>
                </c:pt>
                <c:pt idx="851">
                  <c:v>41677</c:v>
                </c:pt>
                <c:pt idx="852">
                  <c:v>41678</c:v>
                </c:pt>
                <c:pt idx="853">
                  <c:v>41679</c:v>
                </c:pt>
                <c:pt idx="854">
                  <c:v>41680</c:v>
                </c:pt>
                <c:pt idx="855">
                  <c:v>41681</c:v>
                </c:pt>
                <c:pt idx="856">
                  <c:v>41682</c:v>
                </c:pt>
                <c:pt idx="857">
                  <c:v>41683</c:v>
                </c:pt>
                <c:pt idx="858">
                  <c:v>41684</c:v>
                </c:pt>
                <c:pt idx="859">
                  <c:v>41685</c:v>
                </c:pt>
                <c:pt idx="860">
                  <c:v>41686</c:v>
                </c:pt>
                <c:pt idx="861">
                  <c:v>41687</c:v>
                </c:pt>
                <c:pt idx="862">
                  <c:v>41688</c:v>
                </c:pt>
                <c:pt idx="863">
                  <c:v>41689</c:v>
                </c:pt>
                <c:pt idx="864">
                  <c:v>41690</c:v>
                </c:pt>
                <c:pt idx="865">
                  <c:v>41691</c:v>
                </c:pt>
                <c:pt idx="866">
                  <c:v>41692</c:v>
                </c:pt>
                <c:pt idx="867">
                  <c:v>41693</c:v>
                </c:pt>
                <c:pt idx="868">
                  <c:v>41694</c:v>
                </c:pt>
                <c:pt idx="869">
                  <c:v>41695</c:v>
                </c:pt>
                <c:pt idx="870">
                  <c:v>41696</c:v>
                </c:pt>
                <c:pt idx="871">
                  <c:v>41697</c:v>
                </c:pt>
                <c:pt idx="872">
                  <c:v>41698</c:v>
                </c:pt>
                <c:pt idx="873">
                  <c:v>41699</c:v>
                </c:pt>
                <c:pt idx="874">
                  <c:v>41700</c:v>
                </c:pt>
                <c:pt idx="875">
                  <c:v>41701</c:v>
                </c:pt>
                <c:pt idx="876">
                  <c:v>41702</c:v>
                </c:pt>
                <c:pt idx="877">
                  <c:v>41703</c:v>
                </c:pt>
                <c:pt idx="878">
                  <c:v>41704</c:v>
                </c:pt>
                <c:pt idx="879">
                  <c:v>41705</c:v>
                </c:pt>
                <c:pt idx="880">
                  <c:v>41706</c:v>
                </c:pt>
                <c:pt idx="881">
                  <c:v>41707</c:v>
                </c:pt>
                <c:pt idx="882">
                  <c:v>41708</c:v>
                </c:pt>
                <c:pt idx="883">
                  <c:v>41709</c:v>
                </c:pt>
                <c:pt idx="884">
                  <c:v>41710</c:v>
                </c:pt>
                <c:pt idx="885">
                  <c:v>41711</c:v>
                </c:pt>
                <c:pt idx="886">
                  <c:v>41712</c:v>
                </c:pt>
                <c:pt idx="887">
                  <c:v>41713</c:v>
                </c:pt>
                <c:pt idx="888">
                  <c:v>41714</c:v>
                </c:pt>
                <c:pt idx="889">
                  <c:v>41715</c:v>
                </c:pt>
                <c:pt idx="890">
                  <c:v>41716</c:v>
                </c:pt>
                <c:pt idx="891">
                  <c:v>41717</c:v>
                </c:pt>
                <c:pt idx="892">
                  <c:v>41718</c:v>
                </c:pt>
                <c:pt idx="893">
                  <c:v>41719</c:v>
                </c:pt>
                <c:pt idx="894">
                  <c:v>41720</c:v>
                </c:pt>
                <c:pt idx="895">
                  <c:v>41721</c:v>
                </c:pt>
                <c:pt idx="896">
                  <c:v>41722</c:v>
                </c:pt>
                <c:pt idx="897">
                  <c:v>41723</c:v>
                </c:pt>
                <c:pt idx="898">
                  <c:v>41724</c:v>
                </c:pt>
                <c:pt idx="899">
                  <c:v>41725</c:v>
                </c:pt>
                <c:pt idx="900">
                  <c:v>41726</c:v>
                </c:pt>
                <c:pt idx="901">
                  <c:v>41727</c:v>
                </c:pt>
                <c:pt idx="902">
                  <c:v>41728</c:v>
                </c:pt>
                <c:pt idx="903">
                  <c:v>41729</c:v>
                </c:pt>
                <c:pt idx="904">
                  <c:v>41730</c:v>
                </c:pt>
                <c:pt idx="905">
                  <c:v>41731</c:v>
                </c:pt>
                <c:pt idx="906">
                  <c:v>41732</c:v>
                </c:pt>
                <c:pt idx="907">
                  <c:v>41733</c:v>
                </c:pt>
                <c:pt idx="908">
                  <c:v>41734</c:v>
                </c:pt>
                <c:pt idx="909">
                  <c:v>41735</c:v>
                </c:pt>
                <c:pt idx="910">
                  <c:v>41736</c:v>
                </c:pt>
                <c:pt idx="911">
                  <c:v>41737</c:v>
                </c:pt>
                <c:pt idx="912">
                  <c:v>41738</c:v>
                </c:pt>
                <c:pt idx="913">
                  <c:v>41739</c:v>
                </c:pt>
                <c:pt idx="914">
                  <c:v>41740</c:v>
                </c:pt>
                <c:pt idx="915">
                  <c:v>41741</c:v>
                </c:pt>
                <c:pt idx="916">
                  <c:v>41742</c:v>
                </c:pt>
                <c:pt idx="917">
                  <c:v>41743</c:v>
                </c:pt>
                <c:pt idx="918">
                  <c:v>41744</c:v>
                </c:pt>
                <c:pt idx="919">
                  <c:v>41745</c:v>
                </c:pt>
                <c:pt idx="920">
                  <c:v>41746</c:v>
                </c:pt>
                <c:pt idx="921">
                  <c:v>41747</c:v>
                </c:pt>
                <c:pt idx="922">
                  <c:v>41748</c:v>
                </c:pt>
                <c:pt idx="923">
                  <c:v>41749</c:v>
                </c:pt>
                <c:pt idx="924">
                  <c:v>41750</c:v>
                </c:pt>
                <c:pt idx="925">
                  <c:v>41751</c:v>
                </c:pt>
                <c:pt idx="926">
                  <c:v>41752</c:v>
                </c:pt>
                <c:pt idx="927">
                  <c:v>41753</c:v>
                </c:pt>
                <c:pt idx="928">
                  <c:v>41754</c:v>
                </c:pt>
                <c:pt idx="929">
                  <c:v>41755</c:v>
                </c:pt>
                <c:pt idx="930">
                  <c:v>41756</c:v>
                </c:pt>
                <c:pt idx="931">
                  <c:v>41757</c:v>
                </c:pt>
                <c:pt idx="932">
                  <c:v>41758</c:v>
                </c:pt>
                <c:pt idx="933">
                  <c:v>41759</c:v>
                </c:pt>
                <c:pt idx="934">
                  <c:v>41760</c:v>
                </c:pt>
                <c:pt idx="935">
                  <c:v>41761</c:v>
                </c:pt>
                <c:pt idx="936">
                  <c:v>41762</c:v>
                </c:pt>
                <c:pt idx="937">
                  <c:v>41763</c:v>
                </c:pt>
                <c:pt idx="938">
                  <c:v>41764</c:v>
                </c:pt>
                <c:pt idx="939">
                  <c:v>41765</c:v>
                </c:pt>
                <c:pt idx="940">
                  <c:v>41766</c:v>
                </c:pt>
                <c:pt idx="941">
                  <c:v>41767</c:v>
                </c:pt>
                <c:pt idx="942">
                  <c:v>41768</c:v>
                </c:pt>
                <c:pt idx="943">
                  <c:v>41769</c:v>
                </c:pt>
                <c:pt idx="944">
                  <c:v>41770</c:v>
                </c:pt>
                <c:pt idx="945">
                  <c:v>41771</c:v>
                </c:pt>
                <c:pt idx="946">
                  <c:v>41772</c:v>
                </c:pt>
                <c:pt idx="947">
                  <c:v>41773</c:v>
                </c:pt>
                <c:pt idx="948">
                  <c:v>41774</c:v>
                </c:pt>
                <c:pt idx="949">
                  <c:v>41775</c:v>
                </c:pt>
                <c:pt idx="950">
                  <c:v>41776</c:v>
                </c:pt>
                <c:pt idx="951">
                  <c:v>41777</c:v>
                </c:pt>
                <c:pt idx="952">
                  <c:v>41778</c:v>
                </c:pt>
                <c:pt idx="953">
                  <c:v>41779</c:v>
                </c:pt>
                <c:pt idx="954">
                  <c:v>41780</c:v>
                </c:pt>
                <c:pt idx="955">
                  <c:v>41781</c:v>
                </c:pt>
                <c:pt idx="956">
                  <c:v>41782</c:v>
                </c:pt>
                <c:pt idx="957">
                  <c:v>41783</c:v>
                </c:pt>
                <c:pt idx="958">
                  <c:v>41784</c:v>
                </c:pt>
                <c:pt idx="959">
                  <c:v>41785</c:v>
                </c:pt>
                <c:pt idx="960">
                  <c:v>41786</c:v>
                </c:pt>
                <c:pt idx="961">
                  <c:v>41787</c:v>
                </c:pt>
                <c:pt idx="962">
                  <c:v>41788</c:v>
                </c:pt>
                <c:pt idx="963">
                  <c:v>41789</c:v>
                </c:pt>
                <c:pt idx="964">
                  <c:v>41790</c:v>
                </c:pt>
                <c:pt idx="965">
                  <c:v>41791</c:v>
                </c:pt>
                <c:pt idx="966">
                  <c:v>41792</c:v>
                </c:pt>
                <c:pt idx="967">
                  <c:v>41793</c:v>
                </c:pt>
                <c:pt idx="968">
                  <c:v>41794</c:v>
                </c:pt>
                <c:pt idx="969">
                  <c:v>41795</c:v>
                </c:pt>
                <c:pt idx="970">
                  <c:v>41796</c:v>
                </c:pt>
                <c:pt idx="971">
                  <c:v>41797</c:v>
                </c:pt>
                <c:pt idx="972">
                  <c:v>41798</c:v>
                </c:pt>
                <c:pt idx="973">
                  <c:v>41799</c:v>
                </c:pt>
                <c:pt idx="974">
                  <c:v>41800</c:v>
                </c:pt>
                <c:pt idx="975">
                  <c:v>41801</c:v>
                </c:pt>
                <c:pt idx="976">
                  <c:v>41802</c:v>
                </c:pt>
                <c:pt idx="977">
                  <c:v>41803</c:v>
                </c:pt>
                <c:pt idx="978">
                  <c:v>41804</c:v>
                </c:pt>
                <c:pt idx="979">
                  <c:v>41805</c:v>
                </c:pt>
                <c:pt idx="980">
                  <c:v>41806</c:v>
                </c:pt>
                <c:pt idx="981">
                  <c:v>41807</c:v>
                </c:pt>
                <c:pt idx="982">
                  <c:v>41808</c:v>
                </c:pt>
                <c:pt idx="983">
                  <c:v>41809</c:v>
                </c:pt>
                <c:pt idx="984">
                  <c:v>41810</c:v>
                </c:pt>
                <c:pt idx="985">
                  <c:v>41811</c:v>
                </c:pt>
                <c:pt idx="986">
                  <c:v>41812</c:v>
                </c:pt>
                <c:pt idx="987">
                  <c:v>41813</c:v>
                </c:pt>
                <c:pt idx="988">
                  <c:v>41814</c:v>
                </c:pt>
                <c:pt idx="989">
                  <c:v>41815</c:v>
                </c:pt>
                <c:pt idx="990">
                  <c:v>41816</c:v>
                </c:pt>
                <c:pt idx="991">
                  <c:v>41817</c:v>
                </c:pt>
                <c:pt idx="992">
                  <c:v>41818</c:v>
                </c:pt>
                <c:pt idx="993">
                  <c:v>41819</c:v>
                </c:pt>
                <c:pt idx="994">
                  <c:v>41820</c:v>
                </c:pt>
                <c:pt idx="995">
                  <c:v>41821</c:v>
                </c:pt>
                <c:pt idx="996">
                  <c:v>41822</c:v>
                </c:pt>
                <c:pt idx="997">
                  <c:v>41823</c:v>
                </c:pt>
                <c:pt idx="998">
                  <c:v>41824</c:v>
                </c:pt>
                <c:pt idx="999">
                  <c:v>41825</c:v>
                </c:pt>
                <c:pt idx="1000">
                  <c:v>41826</c:v>
                </c:pt>
                <c:pt idx="1001">
                  <c:v>41827</c:v>
                </c:pt>
                <c:pt idx="1002">
                  <c:v>41828</c:v>
                </c:pt>
                <c:pt idx="1003">
                  <c:v>41829</c:v>
                </c:pt>
                <c:pt idx="1004">
                  <c:v>41830</c:v>
                </c:pt>
                <c:pt idx="1005">
                  <c:v>41831</c:v>
                </c:pt>
                <c:pt idx="1006">
                  <c:v>41832</c:v>
                </c:pt>
                <c:pt idx="1007">
                  <c:v>41833</c:v>
                </c:pt>
                <c:pt idx="1008">
                  <c:v>41834</c:v>
                </c:pt>
                <c:pt idx="1009">
                  <c:v>41835</c:v>
                </c:pt>
                <c:pt idx="1010">
                  <c:v>41836</c:v>
                </c:pt>
                <c:pt idx="1011">
                  <c:v>41837</c:v>
                </c:pt>
                <c:pt idx="1012">
                  <c:v>41838</c:v>
                </c:pt>
                <c:pt idx="1013">
                  <c:v>41839</c:v>
                </c:pt>
                <c:pt idx="1014">
                  <c:v>41840</c:v>
                </c:pt>
                <c:pt idx="1015">
                  <c:v>41841</c:v>
                </c:pt>
                <c:pt idx="1016">
                  <c:v>41842</c:v>
                </c:pt>
                <c:pt idx="1017">
                  <c:v>41843</c:v>
                </c:pt>
                <c:pt idx="1018">
                  <c:v>41844</c:v>
                </c:pt>
                <c:pt idx="1019">
                  <c:v>41845</c:v>
                </c:pt>
                <c:pt idx="1020">
                  <c:v>41846</c:v>
                </c:pt>
                <c:pt idx="1021">
                  <c:v>41847</c:v>
                </c:pt>
                <c:pt idx="1022">
                  <c:v>41848</c:v>
                </c:pt>
                <c:pt idx="1023">
                  <c:v>41849</c:v>
                </c:pt>
                <c:pt idx="1024">
                  <c:v>41850</c:v>
                </c:pt>
                <c:pt idx="1025">
                  <c:v>41851</c:v>
                </c:pt>
                <c:pt idx="1026">
                  <c:v>41852</c:v>
                </c:pt>
                <c:pt idx="1027">
                  <c:v>41853</c:v>
                </c:pt>
                <c:pt idx="1028">
                  <c:v>41854</c:v>
                </c:pt>
                <c:pt idx="1029">
                  <c:v>41855</c:v>
                </c:pt>
                <c:pt idx="1030">
                  <c:v>41856</c:v>
                </c:pt>
                <c:pt idx="1031">
                  <c:v>41857</c:v>
                </c:pt>
                <c:pt idx="1032">
                  <c:v>41858</c:v>
                </c:pt>
                <c:pt idx="1033">
                  <c:v>41859</c:v>
                </c:pt>
                <c:pt idx="1034">
                  <c:v>41860</c:v>
                </c:pt>
                <c:pt idx="1035">
                  <c:v>41861</c:v>
                </c:pt>
                <c:pt idx="1036">
                  <c:v>41862</c:v>
                </c:pt>
                <c:pt idx="1037">
                  <c:v>41863</c:v>
                </c:pt>
                <c:pt idx="1038">
                  <c:v>41864</c:v>
                </c:pt>
                <c:pt idx="1039">
                  <c:v>41865</c:v>
                </c:pt>
                <c:pt idx="1040">
                  <c:v>41866</c:v>
                </c:pt>
                <c:pt idx="1041">
                  <c:v>41867</c:v>
                </c:pt>
                <c:pt idx="1042">
                  <c:v>41868</c:v>
                </c:pt>
                <c:pt idx="1043">
                  <c:v>41869</c:v>
                </c:pt>
                <c:pt idx="1044">
                  <c:v>41870</c:v>
                </c:pt>
                <c:pt idx="1045">
                  <c:v>41871</c:v>
                </c:pt>
                <c:pt idx="1046">
                  <c:v>41872</c:v>
                </c:pt>
                <c:pt idx="1047">
                  <c:v>41873</c:v>
                </c:pt>
                <c:pt idx="1048">
                  <c:v>41874</c:v>
                </c:pt>
                <c:pt idx="1049">
                  <c:v>41875</c:v>
                </c:pt>
                <c:pt idx="1050">
                  <c:v>41876</c:v>
                </c:pt>
                <c:pt idx="1051">
                  <c:v>41877</c:v>
                </c:pt>
                <c:pt idx="1052">
                  <c:v>41878</c:v>
                </c:pt>
                <c:pt idx="1053">
                  <c:v>41879</c:v>
                </c:pt>
                <c:pt idx="1054">
                  <c:v>41880</c:v>
                </c:pt>
                <c:pt idx="1055">
                  <c:v>41881</c:v>
                </c:pt>
                <c:pt idx="1056">
                  <c:v>41882</c:v>
                </c:pt>
                <c:pt idx="1057">
                  <c:v>41883</c:v>
                </c:pt>
                <c:pt idx="1058">
                  <c:v>41884</c:v>
                </c:pt>
                <c:pt idx="1059">
                  <c:v>41885</c:v>
                </c:pt>
                <c:pt idx="1060">
                  <c:v>41886</c:v>
                </c:pt>
                <c:pt idx="1061">
                  <c:v>41887</c:v>
                </c:pt>
                <c:pt idx="1062">
                  <c:v>41888</c:v>
                </c:pt>
                <c:pt idx="1063">
                  <c:v>41889</c:v>
                </c:pt>
                <c:pt idx="1064">
                  <c:v>41890</c:v>
                </c:pt>
                <c:pt idx="1065">
                  <c:v>41891</c:v>
                </c:pt>
                <c:pt idx="1066">
                  <c:v>41892</c:v>
                </c:pt>
                <c:pt idx="1067">
                  <c:v>41893</c:v>
                </c:pt>
                <c:pt idx="1068">
                  <c:v>41894</c:v>
                </c:pt>
                <c:pt idx="1069">
                  <c:v>41895</c:v>
                </c:pt>
                <c:pt idx="1070">
                  <c:v>41896</c:v>
                </c:pt>
                <c:pt idx="1071">
                  <c:v>41897</c:v>
                </c:pt>
                <c:pt idx="1072">
                  <c:v>41898</c:v>
                </c:pt>
                <c:pt idx="1073">
                  <c:v>41899</c:v>
                </c:pt>
                <c:pt idx="1074">
                  <c:v>41900</c:v>
                </c:pt>
                <c:pt idx="1075">
                  <c:v>41901</c:v>
                </c:pt>
                <c:pt idx="1076">
                  <c:v>41902</c:v>
                </c:pt>
                <c:pt idx="1077">
                  <c:v>41903</c:v>
                </c:pt>
                <c:pt idx="1078">
                  <c:v>41904</c:v>
                </c:pt>
                <c:pt idx="1079">
                  <c:v>41905</c:v>
                </c:pt>
                <c:pt idx="1080">
                  <c:v>41906</c:v>
                </c:pt>
                <c:pt idx="1081">
                  <c:v>41907</c:v>
                </c:pt>
                <c:pt idx="1082">
                  <c:v>41908</c:v>
                </c:pt>
                <c:pt idx="1083">
                  <c:v>41909</c:v>
                </c:pt>
                <c:pt idx="1084">
                  <c:v>41910</c:v>
                </c:pt>
                <c:pt idx="1085">
                  <c:v>41911</c:v>
                </c:pt>
                <c:pt idx="1086">
                  <c:v>41912</c:v>
                </c:pt>
                <c:pt idx="1087">
                  <c:v>41913</c:v>
                </c:pt>
                <c:pt idx="1088">
                  <c:v>41914</c:v>
                </c:pt>
                <c:pt idx="1089">
                  <c:v>41915</c:v>
                </c:pt>
                <c:pt idx="1090">
                  <c:v>41916</c:v>
                </c:pt>
                <c:pt idx="1091">
                  <c:v>41917</c:v>
                </c:pt>
                <c:pt idx="1092">
                  <c:v>41918</c:v>
                </c:pt>
                <c:pt idx="1093">
                  <c:v>41919</c:v>
                </c:pt>
                <c:pt idx="1094">
                  <c:v>41920</c:v>
                </c:pt>
                <c:pt idx="1095">
                  <c:v>41921</c:v>
                </c:pt>
                <c:pt idx="1096">
                  <c:v>41922</c:v>
                </c:pt>
                <c:pt idx="1097">
                  <c:v>41923</c:v>
                </c:pt>
                <c:pt idx="1098">
                  <c:v>41924</c:v>
                </c:pt>
                <c:pt idx="1099">
                  <c:v>41925</c:v>
                </c:pt>
                <c:pt idx="1100">
                  <c:v>41926</c:v>
                </c:pt>
                <c:pt idx="1101">
                  <c:v>41927</c:v>
                </c:pt>
                <c:pt idx="1102">
                  <c:v>41928</c:v>
                </c:pt>
                <c:pt idx="1103">
                  <c:v>41929</c:v>
                </c:pt>
                <c:pt idx="1104">
                  <c:v>41930</c:v>
                </c:pt>
                <c:pt idx="1105">
                  <c:v>41931</c:v>
                </c:pt>
                <c:pt idx="1106">
                  <c:v>41932</c:v>
                </c:pt>
              </c:numCache>
            </c:numRef>
          </c:cat>
          <c:val>
            <c:numRef>
              <c:f>Sheet1!$C$4:$C$1110</c:f>
              <c:numCache>
                <c:formatCode>General</c:formatCode>
                <c:ptCount val="1107"/>
                <c:pt idx="0">
                  <c:v>61.8</c:v>
                </c:pt>
                <c:pt idx="1">
                  <c:v>61.8</c:v>
                </c:pt>
                <c:pt idx="2">
                  <c:v>61.8</c:v>
                </c:pt>
                <c:pt idx="3">
                  <c:v>61.8</c:v>
                </c:pt>
                <c:pt idx="4">
                  <c:v>61.8</c:v>
                </c:pt>
                <c:pt idx="5">
                  <c:v>61.8</c:v>
                </c:pt>
                <c:pt idx="6">
                  <c:v>61.8</c:v>
                </c:pt>
                <c:pt idx="7">
                  <c:v>61.8</c:v>
                </c:pt>
                <c:pt idx="8">
                  <c:v>61.8</c:v>
                </c:pt>
                <c:pt idx="9">
                  <c:v>61.8</c:v>
                </c:pt>
                <c:pt idx="10">
                  <c:v>70</c:v>
                </c:pt>
                <c:pt idx="11">
                  <c:v>128.69999999999999</c:v>
                </c:pt>
                <c:pt idx="12">
                  <c:v>128.69999999999999</c:v>
                </c:pt>
                <c:pt idx="13">
                  <c:v>128.69999999999999</c:v>
                </c:pt>
                <c:pt idx="14">
                  <c:v>129.89999999999998</c:v>
                </c:pt>
                <c:pt idx="15">
                  <c:v>130.49999999999997</c:v>
                </c:pt>
                <c:pt idx="16">
                  <c:v>133.19999999999996</c:v>
                </c:pt>
                <c:pt idx="17">
                  <c:v>177.49999999999994</c:v>
                </c:pt>
                <c:pt idx="18">
                  <c:v>177.74999999999994</c:v>
                </c:pt>
                <c:pt idx="19">
                  <c:v>177.74999999999994</c:v>
                </c:pt>
                <c:pt idx="20">
                  <c:v>177.74999999999994</c:v>
                </c:pt>
                <c:pt idx="21">
                  <c:v>177.74999999999994</c:v>
                </c:pt>
                <c:pt idx="22">
                  <c:v>177.74999999999994</c:v>
                </c:pt>
                <c:pt idx="23">
                  <c:v>178.54999999999995</c:v>
                </c:pt>
                <c:pt idx="24">
                  <c:v>178.84999999999997</c:v>
                </c:pt>
                <c:pt idx="25">
                  <c:v>178.84999999999997</c:v>
                </c:pt>
                <c:pt idx="26">
                  <c:v>178.84999999999997</c:v>
                </c:pt>
                <c:pt idx="27">
                  <c:v>178.84999999999997</c:v>
                </c:pt>
                <c:pt idx="28">
                  <c:v>180.24999999999997</c:v>
                </c:pt>
                <c:pt idx="29">
                  <c:v>181.84999999999997</c:v>
                </c:pt>
                <c:pt idx="30">
                  <c:v>181.84999999999997</c:v>
                </c:pt>
                <c:pt idx="31">
                  <c:v>181.84999999999997</c:v>
                </c:pt>
                <c:pt idx="32">
                  <c:v>182.34999999999997</c:v>
                </c:pt>
                <c:pt idx="33">
                  <c:v>182.34999999999997</c:v>
                </c:pt>
                <c:pt idx="34">
                  <c:v>182.34999999999997</c:v>
                </c:pt>
                <c:pt idx="35">
                  <c:v>182.34999999999997</c:v>
                </c:pt>
                <c:pt idx="36">
                  <c:v>182.34999999999997</c:v>
                </c:pt>
                <c:pt idx="37">
                  <c:v>182.34999999999997</c:v>
                </c:pt>
                <c:pt idx="38">
                  <c:v>182.34999999999997</c:v>
                </c:pt>
                <c:pt idx="39">
                  <c:v>182.34999999999997</c:v>
                </c:pt>
                <c:pt idx="40">
                  <c:v>182.34999999999997</c:v>
                </c:pt>
                <c:pt idx="41">
                  <c:v>182.34999999999997</c:v>
                </c:pt>
                <c:pt idx="42">
                  <c:v>182.34999999999997</c:v>
                </c:pt>
                <c:pt idx="43">
                  <c:v>182.34999999999997</c:v>
                </c:pt>
                <c:pt idx="44">
                  <c:v>182.34999999999997</c:v>
                </c:pt>
                <c:pt idx="45">
                  <c:v>182.34999999999997</c:v>
                </c:pt>
                <c:pt idx="46">
                  <c:v>182.34999999999997</c:v>
                </c:pt>
                <c:pt idx="47">
                  <c:v>182.34999999999997</c:v>
                </c:pt>
                <c:pt idx="48">
                  <c:v>182.34999999999997</c:v>
                </c:pt>
                <c:pt idx="49">
                  <c:v>182.34999999999997</c:v>
                </c:pt>
                <c:pt idx="50">
                  <c:v>182.34999999999997</c:v>
                </c:pt>
                <c:pt idx="51">
                  <c:v>182.34999999999997</c:v>
                </c:pt>
                <c:pt idx="52">
                  <c:v>182.34999999999997</c:v>
                </c:pt>
                <c:pt idx="53">
                  <c:v>182.34999999999997</c:v>
                </c:pt>
                <c:pt idx="54">
                  <c:v>182.34999999999997</c:v>
                </c:pt>
                <c:pt idx="55">
                  <c:v>182.34999999999997</c:v>
                </c:pt>
                <c:pt idx="56">
                  <c:v>203.34999999999997</c:v>
                </c:pt>
                <c:pt idx="57">
                  <c:v>206.74999999999997</c:v>
                </c:pt>
                <c:pt idx="58">
                  <c:v>206.74999999999997</c:v>
                </c:pt>
                <c:pt idx="59">
                  <c:v>206.74999999999997</c:v>
                </c:pt>
                <c:pt idx="60">
                  <c:v>206.74999999999997</c:v>
                </c:pt>
                <c:pt idx="61">
                  <c:v>206.74999999999997</c:v>
                </c:pt>
                <c:pt idx="62">
                  <c:v>206.74999999999997</c:v>
                </c:pt>
                <c:pt idx="63">
                  <c:v>207.74999999999997</c:v>
                </c:pt>
                <c:pt idx="64">
                  <c:v>223.94999999999996</c:v>
                </c:pt>
                <c:pt idx="65">
                  <c:v>223.94999999999996</c:v>
                </c:pt>
                <c:pt idx="66">
                  <c:v>237.74999999999997</c:v>
                </c:pt>
                <c:pt idx="67">
                  <c:v>252.54999999999998</c:v>
                </c:pt>
                <c:pt idx="68">
                  <c:v>252.54999999999998</c:v>
                </c:pt>
                <c:pt idx="69">
                  <c:v>252.54999999999998</c:v>
                </c:pt>
                <c:pt idx="70">
                  <c:v>280.75</c:v>
                </c:pt>
                <c:pt idx="71">
                  <c:v>280.75</c:v>
                </c:pt>
                <c:pt idx="72">
                  <c:v>280.75</c:v>
                </c:pt>
                <c:pt idx="73">
                  <c:v>280.75</c:v>
                </c:pt>
                <c:pt idx="74">
                  <c:v>280.75</c:v>
                </c:pt>
                <c:pt idx="75">
                  <c:v>280.75</c:v>
                </c:pt>
                <c:pt idx="76">
                  <c:v>280.75</c:v>
                </c:pt>
                <c:pt idx="77">
                  <c:v>280.75</c:v>
                </c:pt>
                <c:pt idx="78">
                  <c:v>280.75</c:v>
                </c:pt>
                <c:pt idx="79">
                  <c:v>280.75</c:v>
                </c:pt>
                <c:pt idx="80">
                  <c:v>280.75</c:v>
                </c:pt>
                <c:pt idx="81">
                  <c:v>280.75</c:v>
                </c:pt>
                <c:pt idx="82">
                  <c:v>280.75</c:v>
                </c:pt>
                <c:pt idx="83">
                  <c:v>280.75</c:v>
                </c:pt>
                <c:pt idx="84">
                  <c:v>280.75</c:v>
                </c:pt>
                <c:pt idx="85">
                  <c:v>311.55</c:v>
                </c:pt>
                <c:pt idx="86">
                  <c:v>312.25</c:v>
                </c:pt>
                <c:pt idx="87">
                  <c:v>312.75</c:v>
                </c:pt>
                <c:pt idx="88">
                  <c:v>313</c:v>
                </c:pt>
                <c:pt idx="89">
                  <c:v>313</c:v>
                </c:pt>
                <c:pt idx="90">
                  <c:v>313</c:v>
                </c:pt>
                <c:pt idx="91">
                  <c:v>313</c:v>
                </c:pt>
                <c:pt idx="92">
                  <c:v>313</c:v>
                </c:pt>
                <c:pt idx="93">
                  <c:v>313</c:v>
                </c:pt>
                <c:pt idx="94">
                  <c:v>313</c:v>
                </c:pt>
                <c:pt idx="95">
                  <c:v>313</c:v>
                </c:pt>
                <c:pt idx="96">
                  <c:v>313</c:v>
                </c:pt>
                <c:pt idx="97">
                  <c:v>313</c:v>
                </c:pt>
                <c:pt idx="98">
                  <c:v>313</c:v>
                </c:pt>
                <c:pt idx="99">
                  <c:v>313</c:v>
                </c:pt>
                <c:pt idx="100">
                  <c:v>313</c:v>
                </c:pt>
                <c:pt idx="101">
                  <c:v>313</c:v>
                </c:pt>
                <c:pt idx="102">
                  <c:v>313</c:v>
                </c:pt>
                <c:pt idx="103">
                  <c:v>313</c:v>
                </c:pt>
                <c:pt idx="104">
                  <c:v>313</c:v>
                </c:pt>
                <c:pt idx="105">
                  <c:v>314.89999999999998</c:v>
                </c:pt>
                <c:pt idx="106">
                  <c:v>314.89999999999998</c:v>
                </c:pt>
                <c:pt idx="107">
                  <c:v>317.7</c:v>
                </c:pt>
                <c:pt idx="108">
                  <c:v>317.7</c:v>
                </c:pt>
                <c:pt idx="109">
                  <c:v>317.7</c:v>
                </c:pt>
                <c:pt idx="110">
                  <c:v>317.7</c:v>
                </c:pt>
                <c:pt idx="111">
                  <c:v>317.7</c:v>
                </c:pt>
                <c:pt idx="112">
                  <c:v>317.7</c:v>
                </c:pt>
                <c:pt idx="113">
                  <c:v>317.7</c:v>
                </c:pt>
                <c:pt idx="114">
                  <c:v>317.7</c:v>
                </c:pt>
                <c:pt idx="115">
                  <c:v>317.7</c:v>
                </c:pt>
                <c:pt idx="116">
                  <c:v>317.7</c:v>
                </c:pt>
                <c:pt idx="117">
                  <c:v>317.7</c:v>
                </c:pt>
                <c:pt idx="118">
                  <c:v>317.7</c:v>
                </c:pt>
                <c:pt idx="119">
                  <c:v>317.7</c:v>
                </c:pt>
                <c:pt idx="120">
                  <c:v>317.7</c:v>
                </c:pt>
                <c:pt idx="121">
                  <c:v>317.7</c:v>
                </c:pt>
                <c:pt idx="122">
                  <c:v>317.7</c:v>
                </c:pt>
                <c:pt idx="123">
                  <c:v>317.7</c:v>
                </c:pt>
                <c:pt idx="124">
                  <c:v>317.7</c:v>
                </c:pt>
                <c:pt idx="125">
                  <c:v>317.7</c:v>
                </c:pt>
                <c:pt idx="126">
                  <c:v>317.7</c:v>
                </c:pt>
                <c:pt idx="127">
                  <c:v>317.7</c:v>
                </c:pt>
                <c:pt idx="128">
                  <c:v>317.7</c:v>
                </c:pt>
                <c:pt idx="129">
                  <c:v>317.7</c:v>
                </c:pt>
                <c:pt idx="130">
                  <c:v>317.7</c:v>
                </c:pt>
                <c:pt idx="131">
                  <c:v>317.7</c:v>
                </c:pt>
                <c:pt idx="132">
                  <c:v>317.7</c:v>
                </c:pt>
                <c:pt idx="133">
                  <c:v>317.7</c:v>
                </c:pt>
                <c:pt idx="134">
                  <c:v>317.7</c:v>
                </c:pt>
                <c:pt idx="135">
                  <c:v>317.7</c:v>
                </c:pt>
                <c:pt idx="136">
                  <c:v>317.7</c:v>
                </c:pt>
                <c:pt idx="137">
                  <c:v>317.7</c:v>
                </c:pt>
                <c:pt idx="138">
                  <c:v>317.7</c:v>
                </c:pt>
                <c:pt idx="139">
                  <c:v>317.7</c:v>
                </c:pt>
                <c:pt idx="140">
                  <c:v>317.7</c:v>
                </c:pt>
                <c:pt idx="141">
                  <c:v>317.7</c:v>
                </c:pt>
                <c:pt idx="142">
                  <c:v>317.7</c:v>
                </c:pt>
                <c:pt idx="143">
                  <c:v>317.7</c:v>
                </c:pt>
                <c:pt idx="144">
                  <c:v>317.7</c:v>
                </c:pt>
                <c:pt idx="145">
                  <c:v>317.7</c:v>
                </c:pt>
                <c:pt idx="146">
                  <c:v>317.7</c:v>
                </c:pt>
                <c:pt idx="147">
                  <c:v>317.7</c:v>
                </c:pt>
                <c:pt idx="148">
                  <c:v>317.7</c:v>
                </c:pt>
                <c:pt idx="149">
                  <c:v>317.7</c:v>
                </c:pt>
                <c:pt idx="150">
                  <c:v>317.7</c:v>
                </c:pt>
                <c:pt idx="151">
                  <c:v>317.7</c:v>
                </c:pt>
                <c:pt idx="152">
                  <c:v>317.7</c:v>
                </c:pt>
                <c:pt idx="153">
                  <c:v>317.7</c:v>
                </c:pt>
                <c:pt idx="154">
                  <c:v>317.7</c:v>
                </c:pt>
                <c:pt idx="155">
                  <c:v>317.7</c:v>
                </c:pt>
                <c:pt idx="156">
                  <c:v>317.7</c:v>
                </c:pt>
                <c:pt idx="157">
                  <c:v>317.7</c:v>
                </c:pt>
                <c:pt idx="158">
                  <c:v>317.7</c:v>
                </c:pt>
                <c:pt idx="159">
                  <c:v>317.7</c:v>
                </c:pt>
                <c:pt idx="160">
                  <c:v>317.7</c:v>
                </c:pt>
                <c:pt idx="161">
                  <c:v>317.7</c:v>
                </c:pt>
                <c:pt idx="162">
                  <c:v>341.7</c:v>
                </c:pt>
                <c:pt idx="163">
                  <c:v>341.7</c:v>
                </c:pt>
                <c:pt idx="164">
                  <c:v>341.7</c:v>
                </c:pt>
                <c:pt idx="165">
                  <c:v>341.7</c:v>
                </c:pt>
                <c:pt idx="166">
                  <c:v>341.7</c:v>
                </c:pt>
                <c:pt idx="167">
                  <c:v>341.7</c:v>
                </c:pt>
                <c:pt idx="168">
                  <c:v>341.7</c:v>
                </c:pt>
                <c:pt idx="169">
                  <c:v>341.7</c:v>
                </c:pt>
                <c:pt idx="170">
                  <c:v>341.7</c:v>
                </c:pt>
                <c:pt idx="171">
                  <c:v>341.7</c:v>
                </c:pt>
                <c:pt idx="172">
                  <c:v>341.7</c:v>
                </c:pt>
                <c:pt idx="173">
                  <c:v>341.7</c:v>
                </c:pt>
                <c:pt idx="174">
                  <c:v>341.7</c:v>
                </c:pt>
                <c:pt idx="175">
                  <c:v>345.3</c:v>
                </c:pt>
                <c:pt idx="176">
                  <c:v>345.3</c:v>
                </c:pt>
                <c:pt idx="177">
                  <c:v>346.8</c:v>
                </c:pt>
                <c:pt idx="178">
                  <c:v>348.6</c:v>
                </c:pt>
                <c:pt idx="179">
                  <c:v>353.3</c:v>
                </c:pt>
                <c:pt idx="180">
                  <c:v>353.3</c:v>
                </c:pt>
                <c:pt idx="181">
                  <c:v>353.3</c:v>
                </c:pt>
                <c:pt idx="182">
                  <c:v>353.3</c:v>
                </c:pt>
                <c:pt idx="183">
                  <c:v>398</c:v>
                </c:pt>
                <c:pt idx="184">
                  <c:v>398</c:v>
                </c:pt>
                <c:pt idx="185">
                  <c:v>407.2</c:v>
                </c:pt>
                <c:pt idx="186">
                  <c:v>407.2</c:v>
                </c:pt>
                <c:pt idx="187">
                  <c:v>407.2</c:v>
                </c:pt>
                <c:pt idx="188">
                  <c:v>407.2</c:v>
                </c:pt>
                <c:pt idx="189">
                  <c:v>418.59999999999997</c:v>
                </c:pt>
                <c:pt idx="190">
                  <c:v>418.99999999999994</c:v>
                </c:pt>
                <c:pt idx="191">
                  <c:v>418.99999999999994</c:v>
                </c:pt>
                <c:pt idx="192">
                  <c:v>420.39999999999992</c:v>
                </c:pt>
                <c:pt idx="193">
                  <c:v>422.09999999999991</c:v>
                </c:pt>
                <c:pt idx="194">
                  <c:v>422.09999999999991</c:v>
                </c:pt>
                <c:pt idx="195">
                  <c:v>422.09999999999991</c:v>
                </c:pt>
                <c:pt idx="196">
                  <c:v>437.89999999999992</c:v>
                </c:pt>
                <c:pt idx="197">
                  <c:v>439.7999999999999</c:v>
                </c:pt>
                <c:pt idx="198">
                  <c:v>450.39999999999992</c:v>
                </c:pt>
                <c:pt idx="199">
                  <c:v>451.2999999999999</c:v>
                </c:pt>
                <c:pt idx="200">
                  <c:v>451.2999999999999</c:v>
                </c:pt>
                <c:pt idx="201">
                  <c:v>451.2999999999999</c:v>
                </c:pt>
                <c:pt idx="202">
                  <c:v>451.2999999999999</c:v>
                </c:pt>
                <c:pt idx="203">
                  <c:v>451.2999999999999</c:v>
                </c:pt>
                <c:pt idx="204">
                  <c:v>451.2999999999999</c:v>
                </c:pt>
                <c:pt idx="205">
                  <c:v>451.2999999999999</c:v>
                </c:pt>
                <c:pt idx="206">
                  <c:v>460.19999999999987</c:v>
                </c:pt>
                <c:pt idx="207">
                  <c:v>460.19999999999987</c:v>
                </c:pt>
                <c:pt idx="208">
                  <c:v>460.19999999999987</c:v>
                </c:pt>
                <c:pt idx="209">
                  <c:v>460.19999999999987</c:v>
                </c:pt>
                <c:pt idx="210">
                  <c:v>484.19999999999987</c:v>
                </c:pt>
                <c:pt idx="211">
                  <c:v>492.49999999999989</c:v>
                </c:pt>
                <c:pt idx="212">
                  <c:v>492.49999999999989</c:v>
                </c:pt>
                <c:pt idx="213">
                  <c:v>492.49999999999989</c:v>
                </c:pt>
                <c:pt idx="214">
                  <c:v>492.49999999999989</c:v>
                </c:pt>
                <c:pt idx="215">
                  <c:v>492.49999999999989</c:v>
                </c:pt>
                <c:pt idx="216">
                  <c:v>492.49999999999989</c:v>
                </c:pt>
                <c:pt idx="217">
                  <c:v>538.49999999999989</c:v>
                </c:pt>
                <c:pt idx="218">
                  <c:v>538.49999999999989</c:v>
                </c:pt>
                <c:pt idx="219">
                  <c:v>549.09999999999991</c:v>
                </c:pt>
                <c:pt idx="220">
                  <c:v>551.79999999999995</c:v>
                </c:pt>
                <c:pt idx="221">
                  <c:v>551.79999999999995</c:v>
                </c:pt>
                <c:pt idx="222">
                  <c:v>551.79999999999995</c:v>
                </c:pt>
                <c:pt idx="223">
                  <c:v>551.79999999999995</c:v>
                </c:pt>
                <c:pt idx="224">
                  <c:v>556.19999999999993</c:v>
                </c:pt>
                <c:pt idx="225">
                  <c:v>572.69999999999993</c:v>
                </c:pt>
                <c:pt idx="226">
                  <c:v>576.79999999999995</c:v>
                </c:pt>
                <c:pt idx="227">
                  <c:v>580.59999999999991</c:v>
                </c:pt>
                <c:pt idx="228">
                  <c:v>582.69999999999993</c:v>
                </c:pt>
                <c:pt idx="229">
                  <c:v>582.69999999999993</c:v>
                </c:pt>
                <c:pt idx="230">
                  <c:v>582.69999999999993</c:v>
                </c:pt>
                <c:pt idx="231">
                  <c:v>583.09999999999991</c:v>
                </c:pt>
                <c:pt idx="232">
                  <c:v>583.69999999999993</c:v>
                </c:pt>
                <c:pt idx="233">
                  <c:v>583.9</c:v>
                </c:pt>
                <c:pt idx="234">
                  <c:v>584.1</c:v>
                </c:pt>
                <c:pt idx="235">
                  <c:v>584.30000000000007</c:v>
                </c:pt>
                <c:pt idx="236">
                  <c:v>584.30000000000007</c:v>
                </c:pt>
                <c:pt idx="237">
                  <c:v>584.30000000000007</c:v>
                </c:pt>
                <c:pt idx="238">
                  <c:v>594.80000000000007</c:v>
                </c:pt>
                <c:pt idx="239">
                  <c:v>623.1</c:v>
                </c:pt>
                <c:pt idx="240">
                  <c:v>624</c:v>
                </c:pt>
                <c:pt idx="241">
                  <c:v>624</c:v>
                </c:pt>
                <c:pt idx="242">
                  <c:v>624</c:v>
                </c:pt>
                <c:pt idx="243">
                  <c:v>624</c:v>
                </c:pt>
                <c:pt idx="244">
                  <c:v>624</c:v>
                </c:pt>
                <c:pt idx="245">
                  <c:v>645.1</c:v>
                </c:pt>
                <c:pt idx="246">
                  <c:v>657.30000000000007</c:v>
                </c:pt>
                <c:pt idx="247">
                  <c:v>692.80000000000007</c:v>
                </c:pt>
                <c:pt idx="248">
                  <c:v>714.90000000000009</c:v>
                </c:pt>
                <c:pt idx="249">
                  <c:v>714.90000000000009</c:v>
                </c:pt>
                <c:pt idx="250">
                  <c:v>714.90000000000009</c:v>
                </c:pt>
                <c:pt idx="251">
                  <c:v>714.90000000000009</c:v>
                </c:pt>
                <c:pt idx="252">
                  <c:v>714.90000000000009</c:v>
                </c:pt>
                <c:pt idx="253">
                  <c:v>714.90000000000009</c:v>
                </c:pt>
                <c:pt idx="254">
                  <c:v>714.90000000000009</c:v>
                </c:pt>
                <c:pt idx="255">
                  <c:v>714.90000000000009</c:v>
                </c:pt>
                <c:pt idx="256">
                  <c:v>715.10000000000014</c:v>
                </c:pt>
                <c:pt idx="257">
                  <c:v>715.10000000000014</c:v>
                </c:pt>
                <c:pt idx="258">
                  <c:v>715.10000000000014</c:v>
                </c:pt>
                <c:pt idx="259">
                  <c:v>722.70000000000016</c:v>
                </c:pt>
                <c:pt idx="260">
                  <c:v>722.70000000000016</c:v>
                </c:pt>
                <c:pt idx="261">
                  <c:v>722.70000000000016</c:v>
                </c:pt>
                <c:pt idx="262">
                  <c:v>722.70000000000016</c:v>
                </c:pt>
                <c:pt idx="263">
                  <c:v>722.70000000000016</c:v>
                </c:pt>
                <c:pt idx="264">
                  <c:v>722.70000000000016</c:v>
                </c:pt>
                <c:pt idx="265">
                  <c:v>722.70000000000016</c:v>
                </c:pt>
                <c:pt idx="266">
                  <c:v>722.70000000000016</c:v>
                </c:pt>
                <c:pt idx="267">
                  <c:v>722.70000000000016</c:v>
                </c:pt>
                <c:pt idx="268">
                  <c:v>722.70000000000016</c:v>
                </c:pt>
                <c:pt idx="269">
                  <c:v>722.70000000000016</c:v>
                </c:pt>
                <c:pt idx="270">
                  <c:v>781.70000000000016</c:v>
                </c:pt>
                <c:pt idx="271">
                  <c:v>781.70000000000016</c:v>
                </c:pt>
                <c:pt idx="272">
                  <c:v>781.70000000000016</c:v>
                </c:pt>
                <c:pt idx="273">
                  <c:v>793.80000000000018</c:v>
                </c:pt>
                <c:pt idx="274">
                  <c:v>806.50000000000023</c:v>
                </c:pt>
                <c:pt idx="275">
                  <c:v>811.20000000000027</c:v>
                </c:pt>
                <c:pt idx="276">
                  <c:v>853.50000000000023</c:v>
                </c:pt>
                <c:pt idx="277">
                  <c:v>853.60000000000025</c:v>
                </c:pt>
                <c:pt idx="278">
                  <c:v>853.60000000000025</c:v>
                </c:pt>
                <c:pt idx="279">
                  <c:v>853.60000000000025</c:v>
                </c:pt>
                <c:pt idx="280">
                  <c:v>853.60000000000025</c:v>
                </c:pt>
                <c:pt idx="281">
                  <c:v>864.8000000000003</c:v>
                </c:pt>
                <c:pt idx="282">
                  <c:v>864.8000000000003</c:v>
                </c:pt>
                <c:pt idx="283">
                  <c:v>864.8000000000003</c:v>
                </c:pt>
                <c:pt idx="284">
                  <c:v>864.8000000000003</c:v>
                </c:pt>
                <c:pt idx="285">
                  <c:v>864.8000000000003</c:v>
                </c:pt>
                <c:pt idx="286">
                  <c:v>864.8000000000003</c:v>
                </c:pt>
                <c:pt idx="287">
                  <c:v>878.10000000000025</c:v>
                </c:pt>
                <c:pt idx="288">
                  <c:v>878.10000000000025</c:v>
                </c:pt>
                <c:pt idx="289">
                  <c:v>885.60000000000025</c:v>
                </c:pt>
                <c:pt idx="290">
                  <c:v>885.8000000000003</c:v>
                </c:pt>
                <c:pt idx="291">
                  <c:v>885.8000000000003</c:v>
                </c:pt>
                <c:pt idx="292">
                  <c:v>885.8000000000003</c:v>
                </c:pt>
                <c:pt idx="293">
                  <c:v>885.8000000000003</c:v>
                </c:pt>
                <c:pt idx="294">
                  <c:v>885.8000000000003</c:v>
                </c:pt>
                <c:pt idx="295">
                  <c:v>885.8000000000003</c:v>
                </c:pt>
                <c:pt idx="296">
                  <c:v>885.8000000000003</c:v>
                </c:pt>
                <c:pt idx="297">
                  <c:v>885.8000000000003</c:v>
                </c:pt>
                <c:pt idx="298">
                  <c:v>885.8000000000003</c:v>
                </c:pt>
                <c:pt idx="299">
                  <c:v>885.8000000000003</c:v>
                </c:pt>
                <c:pt idx="300">
                  <c:v>885.8000000000003</c:v>
                </c:pt>
                <c:pt idx="301">
                  <c:v>885.8000000000003</c:v>
                </c:pt>
                <c:pt idx="302">
                  <c:v>885.8000000000003</c:v>
                </c:pt>
                <c:pt idx="303">
                  <c:v>885.8000000000003</c:v>
                </c:pt>
                <c:pt idx="304">
                  <c:v>885.8000000000003</c:v>
                </c:pt>
                <c:pt idx="305">
                  <c:v>885.8000000000003</c:v>
                </c:pt>
                <c:pt idx="306">
                  <c:v>885.8000000000003</c:v>
                </c:pt>
                <c:pt idx="307">
                  <c:v>885.8000000000003</c:v>
                </c:pt>
                <c:pt idx="308">
                  <c:v>887.00000000000034</c:v>
                </c:pt>
                <c:pt idx="309">
                  <c:v>887.00000000000034</c:v>
                </c:pt>
                <c:pt idx="310">
                  <c:v>887.00000000000034</c:v>
                </c:pt>
                <c:pt idx="311">
                  <c:v>887.00000000000034</c:v>
                </c:pt>
                <c:pt idx="312">
                  <c:v>907.00000000000034</c:v>
                </c:pt>
                <c:pt idx="313">
                  <c:v>907.00000000000034</c:v>
                </c:pt>
                <c:pt idx="314">
                  <c:v>907.00000000000034</c:v>
                </c:pt>
                <c:pt idx="315">
                  <c:v>907.00000000000034</c:v>
                </c:pt>
                <c:pt idx="316">
                  <c:v>907.00000000000034</c:v>
                </c:pt>
                <c:pt idx="317">
                  <c:v>907.00000000000034</c:v>
                </c:pt>
                <c:pt idx="318">
                  <c:v>907.00000000000034</c:v>
                </c:pt>
                <c:pt idx="319">
                  <c:v>907.00000000000034</c:v>
                </c:pt>
                <c:pt idx="320">
                  <c:v>907.00000000000034</c:v>
                </c:pt>
                <c:pt idx="321">
                  <c:v>907.00000000000034</c:v>
                </c:pt>
                <c:pt idx="322">
                  <c:v>950.90000000000032</c:v>
                </c:pt>
                <c:pt idx="323">
                  <c:v>950.90000000000032</c:v>
                </c:pt>
                <c:pt idx="324">
                  <c:v>950.90000000000032</c:v>
                </c:pt>
                <c:pt idx="325">
                  <c:v>950.90000000000032</c:v>
                </c:pt>
                <c:pt idx="326">
                  <c:v>950.90000000000032</c:v>
                </c:pt>
                <c:pt idx="327">
                  <c:v>950.90000000000032</c:v>
                </c:pt>
                <c:pt idx="328">
                  <c:v>950.90000000000032</c:v>
                </c:pt>
                <c:pt idx="329">
                  <c:v>1022.0000000000003</c:v>
                </c:pt>
                <c:pt idx="330">
                  <c:v>1022.5000000000003</c:v>
                </c:pt>
                <c:pt idx="331">
                  <c:v>1022.5000000000003</c:v>
                </c:pt>
                <c:pt idx="332">
                  <c:v>1038.2000000000003</c:v>
                </c:pt>
                <c:pt idx="333">
                  <c:v>1038.2000000000003</c:v>
                </c:pt>
                <c:pt idx="334">
                  <c:v>1038.2000000000003</c:v>
                </c:pt>
                <c:pt idx="335">
                  <c:v>1038.2000000000003</c:v>
                </c:pt>
                <c:pt idx="336">
                  <c:v>1038.2000000000003</c:v>
                </c:pt>
                <c:pt idx="337">
                  <c:v>1038.2000000000003</c:v>
                </c:pt>
                <c:pt idx="338">
                  <c:v>1038.2000000000003</c:v>
                </c:pt>
                <c:pt idx="339">
                  <c:v>1095.2000000000003</c:v>
                </c:pt>
                <c:pt idx="340">
                  <c:v>1105.0000000000002</c:v>
                </c:pt>
                <c:pt idx="341">
                  <c:v>1105.0000000000002</c:v>
                </c:pt>
                <c:pt idx="342">
                  <c:v>1105.0000000000002</c:v>
                </c:pt>
                <c:pt idx="343">
                  <c:v>1105.0000000000002</c:v>
                </c:pt>
                <c:pt idx="344">
                  <c:v>1105.0000000000002</c:v>
                </c:pt>
                <c:pt idx="345">
                  <c:v>1105.0000000000002</c:v>
                </c:pt>
                <c:pt idx="346">
                  <c:v>1136.8000000000002</c:v>
                </c:pt>
                <c:pt idx="347">
                  <c:v>1136.8000000000002</c:v>
                </c:pt>
                <c:pt idx="348">
                  <c:v>1136.8000000000002</c:v>
                </c:pt>
                <c:pt idx="349">
                  <c:v>1136.8000000000002</c:v>
                </c:pt>
                <c:pt idx="350">
                  <c:v>1136.8000000000002</c:v>
                </c:pt>
                <c:pt idx="351">
                  <c:v>1136.8000000000002</c:v>
                </c:pt>
                <c:pt idx="352">
                  <c:v>1156.3000000000002</c:v>
                </c:pt>
                <c:pt idx="353">
                  <c:v>1160.1000000000001</c:v>
                </c:pt>
                <c:pt idx="354">
                  <c:v>1170.5000000000002</c:v>
                </c:pt>
                <c:pt idx="355">
                  <c:v>1170.5000000000002</c:v>
                </c:pt>
                <c:pt idx="356">
                  <c:v>1170.5000000000002</c:v>
                </c:pt>
                <c:pt idx="357">
                  <c:v>1175.1000000000001</c:v>
                </c:pt>
                <c:pt idx="358">
                  <c:v>1175.1000000000001</c:v>
                </c:pt>
                <c:pt idx="359">
                  <c:v>1179.3000000000002</c:v>
                </c:pt>
                <c:pt idx="360">
                  <c:v>1179.3000000000002</c:v>
                </c:pt>
                <c:pt idx="361">
                  <c:v>1179.3000000000002</c:v>
                </c:pt>
                <c:pt idx="362">
                  <c:v>1179.3000000000002</c:v>
                </c:pt>
                <c:pt idx="363">
                  <c:v>1179.3000000000002</c:v>
                </c:pt>
                <c:pt idx="364">
                  <c:v>1183.4000000000001</c:v>
                </c:pt>
                <c:pt idx="365">
                  <c:v>1183.4000000000001</c:v>
                </c:pt>
                <c:pt idx="366">
                  <c:v>1189.4000000000001</c:v>
                </c:pt>
                <c:pt idx="367">
                  <c:v>1190.2</c:v>
                </c:pt>
                <c:pt idx="368">
                  <c:v>1190.2</c:v>
                </c:pt>
                <c:pt idx="369">
                  <c:v>1190.2</c:v>
                </c:pt>
                <c:pt idx="370">
                  <c:v>1190.2</c:v>
                </c:pt>
                <c:pt idx="371">
                  <c:v>1204.2</c:v>
                </c:pt>
                <c:pt idx="372">
                  <c:v>1266.8</c:v>
                </c:pt>
                <c:pt idx="373">
                  <c:v>1269.8999999999999</c:v>
                </c:pt>
                <c:pt idx="374">
                  <c:v>1269.8999999999999</c:v>
                </c:pt>
                <c:pt idx="375">
                  <c:v>1269.8999999999999</c:v>
                </c:pt>
                <c:pt idx="376">
                  <c:v>1269.8999999999999</c:v>
                </c:pt>
                <c:pt idx="377">
                  <c:v>1269.8999999999999</c:v>
                </c:pt>
                <c:pt idx="378">
                  <c:v>1269.8999999999999</c:v>
                </c:pt>
                <c:pt idx="379">
                  <c:v>1269.8999999999999</c:v>
                </c:pt>
                <c:pt idx="380">
                  <c:v>1269.8999999999999</c:v>
                </c:pt>
                <c:pt idx="381">
                  <c:v>1269.8999999999999</c:v>
                </c:pt>
                <c:pt idx="382">
                  <c:v>1270.3</c:v>
                </c:pt>
                <c:pt idx="383">
                  <c:v>1270.3</c:v>
                </c:pt>
                <c:pt idx="384">
                  <c:v>1270.3</c:v>
                </c:pt>
                <c:pt idx="385">
                  <c:v>1383.8</c:v>
                </c:pt>
                <c:pt idx="386">
                  <c:v>1383.8</c:v>
                </c:pt>
                <c:pt idx="387">
                  <c:v>1383.8</c:v>
                </c:pt>
                <c:pt idx="388">
                  <c:v>1383.8</c:v>
                </c:pt>
                <c:pt idx="389">
                  <c:v>1436.8999999999999</c:v>
                </c:pt>
                <c:pt idx="390">
                  <c:v>1436.8999999999999</c:v>
                </c:pt>
                <c:pt idx="391">
                  <c:v>1436.8999999999999</c:v>
                </c:pt>
                <c:pt idx="392">
                  <c:v>1450.9999999999998</c:v>
                </c:pt>
                <c:pt idx="393">
                  <c:v>1461.7999999999997</c:v>
                </c:pt>
                <c:pt idx="394">
                  <c:v>1467.7999999999997</c:v>
                </c:pt>
                <c:pt idx="395">
                  <c:v>1467.7999999999997</c:v>
                </c:pt>
                <c:pt idx="396">
                  <c:v>1467.7999999999997</c:v>
                </c:pt>
                <c:pt idx="397">
                  <c:v>1467.7999999999997</c:v>
                </c:pt>
                <c:pt idx="398">
                  <c:v>1467.7999999999997</c:v>
                </c:pt>
                <c:pt idx="399">
                  <c:v>1472.3999999999996</c:v>
                </c:pt>
                <c:pt idx="400">
                  <c:v>1479.5999999999997</c:v>
                </c:pt>
                <c:pt idx="401">
                  <c:v>1479.8999999999996</c:v>
                </c:pt>
                <c:pt idx="402">
                  <c:v>1479.8999999999996</c:v>
                </c:pt>
                <c:pt idx="403">
                  <c:v>1479.8999999999996</c:v>
                </c:pt>
                <c:pt idx="404">
                  <c:v>1479.8999999999996</c:v>
                </c:pt>
                <c:pt idx="405">
                  <c:v>1479.8999999999996</c:v>
                </c:pt>
                <c:pt idx="406">
                  <c:v>1485.7999999999997</c:v>
                </c:pt>
                <c:pt idx="407">
                  <c:v>1485.7999999999997</c:v>
                </c:pt>
                <c:pt idx="408">
                  <c:v>1485.7999999999997</c:v>
                </c:pt>
                <c:pt idx="409">
                  <c:v>1485.7999999999997</c:v>
                </c:pt>
                <c:pt idx="410">
                  <c:v>1490.2999999999997</c:v>
                </c:pt>
                <c:pt idx="411">
                  <c:v>1490.2999999999997</c:v>
                </c:pt>
                <c:pt idx="412">
                  <c:v>1490.2999999999997</c:v>
                </c:pt>
                <c:pt idx="413">
                  <c:v>1490.5999999999997</c:v>
                </c:pt>
                <c:pt idx="414">
                  <c:v>1490.5999999999997</c:v>
                </c:pt>
                <c:pt idx="415">
                  <c:v>1524.5999999999997</c:v>
                </c:pt>
                <c:pt idx="416">
                  <c:v>1541.9999999999998</c:v>
                </c:pt>
                <c:pt idx="417">
                  <c:v>1547.0999999999997</c:v>
                </c:pt>
                <c:pt idx="418">
                  <c:v>1547.0999999999997</c:v>
                </c:pt>
                <c:pt idx="419">
                  <c:v>1547.0999999999997</c:v>
                </c:pt>
                <c:pt idx="420">
                  <c:v>1558.2999999999997</c:v>
                </c:pt>
                <c:pt idx="421">
                  <c:v>1558.2999999999997</c:v>
                </c:pt>
                <c:pt idx="422">
                  <c:v>1577.0999999999997</c:v>
                </c:pt>
                <c:pt idx="423">
                  <c:v>1577.0999999999997</c:v>
                </c:pt>
                <c:pt idx="424">
                  <c:v>1577.0999999999997</c:v>
                </c:pt>
                <c:pt idx="425">
                  <c:v>1577.0999999999997</c:v>
                </c:pt>
                <c:pt idx="426">
                  <c:v>1577.0999999999997</c:v>
                </c:pt>
                <c:pt idx="427">
                  <c:v>1595.8999999999996</c:v>
                </c:pt>
                <c:pt idx="428">
                  <c:v>1595.8999999999996</c:v>
                </c:pt>
                <c:pt idx="429">
                  <c:v>1595.8999999999996</c:v>
                </c:pt>
                <c:pt idx="430">
                  <c:v>1595.8999999999996</c:v>
                </c:pt>
                <c:pt idx="431">
                  <c:v>1595.8999999999996</c:v>
                </c:pt>
                <c:pt idx="432">
                  <c:v>1595.8999999999996</c:v>
                </c:pt>
                <c:pt idx="433">
                  <c:v>1595.8999999999996</c:v>
                </c:pt>
                <c:pt idx="434">
                  <c:v>1616.1999999999996</c:v>
                </c:pt>
                <c:pt idx="435">
                  <c:v>1616.1999999999996</c:v>
                </c:pt>
                <c:pt idx="436">
                  <c:v>1616.1999999999996</c:v>
                </c:pt>
                <c:pt idx="437">
                  <c:v>1616.1999999999996</c:v>
                </c:pt>
                <c:pt idx="438">
                  <c:v>1616.1999999999996</c:v>
                </c:pt>
                <c:pt idx="439">
                  <c:v>1616.1999999999996</c:v>
                </c:pt>
                <c:pt idx="440">
                  <c:v>1616.1999999999996</c:v>
                </c:pt>
                <c:pt idx="441">
                  <c:v>1616.1999999999996</c:v>
                </c:pt>
                <c:pt idx="442">
                  <c:v>1616.1999999999996</c:v>
                </c:pt>
                <c:pt idx="443">
                  <c:v>1616.1999999999996</c:v>
                </c:pt>
                <c:pt idx="444">
                  <c:v>1636.3999999999996</c:v>
                </c:pt>
                <c:pt idx="445">
                  <c:v>1637.7999999999997</c:v>
                </c:pt>
                <c:pt idx="446">
                  <c:v>1637.7999999999997</c:v>
                </c:pt>
                <c:pt idx="447">
                  <c:v>1637.7999999999997</c:v>
                </c:pt>
                <c:pt idx="448">
                  <c:v>1637.7999999999997</c:v>
                </c:pt>
                <c:pt idx="449">
                  <c:v>1637.7999999999997</c:v>
                </c:pt>
                <c:pt idx="450">
                  <c:v>1638.0999999999997</c:v>
                </c:pt>
                <c:pt idx="451">
                  <c:v>1642.0999999999997</c:v>
                </c:pt>
                <c:pt idx="452">
                  <c:v>1642.0999999999997</c:v>
                </c:pt>
                <c:pt idx="453">
                  <c:v>1642.0999999999997</c:v>
                </c:pt>
                <c:pt idx="454">
                  <c:v>1642.0999999999997</c:v>
                </c:pt>
                <c:pt idx="455">
                  <c:v>1642.0999999999997</c:v>
                </c:pt>
                <c:pt idx="456">
                  <c:v>1642.0999999999997</c:v>
                </c:pt>
                <c:pt idx="457">
                  <c:v>1642.0999999999997</c:v>
                </c:pt>
                <c:pt idx="458">
                  <c:v>1642.5999999999997</c:v>
                </c:pt>
                <c:pt idx="459">
                  <c:v>1642.5999999999997</c:v>
                </c:pt>
                <c:pt idx="460">
                  <c:v>1642.5999999999997</c:v>
                </c:pt>
                <c:pt idx="461">
                  <c:v>1642.5999999999997</c:v>
                </c:pt>
                <c:pt idx="462">
                  <c:v>1668.3999999999996</c:v>
                </c:pt>
                <c:pt idx="463">
                  <c:v>1673.5999999999997</c:v>
                </c:pt>
                <c:pt idx="464">
                  <c:v>1678.4999999999998</c:v>
                </c:pt>
                <c:pt idx="465">
                  <c:v>1689.5999999999997</c:v>
                </c:pt>
                <c:pt idx="466">
                  <c:v>1694.4999999999998</c:v>
                </c:pt>
                <c:pt idx="467">
                  <c:v>1694.4999999999998</c:v>
                </c:pt>
                <c:pt idx="468">
                  <c:v>1694.4999999999998</c:v>
                </c:pt>
                <c:pt idx="469">
                  <c:v>1712.6999999999998</c:v>
                </c:pt>
                <c:pt idx="470">
                  <c:v>1722.3999999999999</c:v>
                </c:pt>
                <c:pt idx="471">
                  <c:v>1730.1</c:v>
                </c:pt>
                <c:pt idx="472">
                  <c:v>1731.1</c:v>
                </c:pt>
                <c:pt idx="473">
                  <c:v>1731.1</c:v>
                </c:pt>
                <c:pt idx="474">
                  <c:v>1731.1</c:v>
                </c:pt>
                <c:pt idx="475">
                  <c:v>1731.1</c:v>
                </c:pt>
                <c:pt idx="476">
                  <c:v>1731.1</c:v>
                </c:pt>
                <c:pt idx="477">
                  <c:v>1734.5</c:v>
                </c:pt>
                <c:pt idx="478">
                  <c:v>1734.5</c:v>
                </c:pt>
                <c:pt idx="479">
                  <c:v>1734.5</c:v>
                </c:pt>
                <c:pt idx="480">
                  <c:v>1734.5</c:v>
                </c:pt>
                <c:pt idx="481">
                  <c:v>1734.5</c:v>
                </c:pt>
                <c:pt idx="482">
                  <c:v>1734.5</c:v>
                </c:pt>
                <c:pt idx="483">
                  <c:v>1797.8</c:v>
                </c:pt>
                <c:pt idx="484">
                  <c:v>1797.8</c:v>
                </c:pt>
                <c:pt idx="485">
                  <c:v>1803.3999999999999</c:v>
                </c:pt>
                <c:pt idx="486">
                  <c:v>1828.6</c:v>
                </c:pt>
                <c:pt idx="487">
                  <c:v>1828.6</c:v>
                </c:pt>
                <c:pt idx="488">
                  <c:v>1828.6</c:v>
                </c:pt>
                <c:pt idx="489">
                  <c:v>1828.6</c:v>
                </c:pt>
                <c:pt idx="490">
                  <c:v>1831.6</c:v>
                </c:pt>
                <c:pt idx="491">
                  <c:v>1852.1999999999998</c:v>
                </c:pt>
                <c:pt idx="492">
                  <c:v>1853.1</c:v>
                </c:pt>
                <c:pt idx="493">
                  <c:v>1857.6999999999998</c:v>
                </c:pt>
                <c:pt idx="494">
                  <c:v>1857.6999999999998</c:v>
                </c:pt>
                <c:pt idx="495">
                  <c:v>1857.6999999999998</c:v>
                </c:pt>
                <c:pt idx="496">
                  <c:v>1857.6999999999998</c:v>
                </c:pt>
                <c:pt idx="497">
                  <c:v>1857.8999999999999</c:v>
                </c:pt>
                <c:pt idx="498">
                  <c:v>1857.8999999999999</c:v>
                </c:pt>
                <c:pt idx="499">
                  <c:v>1857.8999999999999</c:v>
                </c:pt>
                <c:pt idx="500">
                  <c:v>1858.8</c:v>
                </c:pt>
                <c:pt idx="501">
                  <c:v>1869.5</c:v>
                </c:pt>
                <c:pt idx="502">
                  <c:v>1869.5</c:v>
                </c:pt>
                <c:pt idx="503">
                  <c:v>1869.5</c:v>
                </c:pt>
                <c:pt idx="504">
                  <c:v>1926.9</c:v>
                </c:pt>
                <c:pt idx="505">
                  <c:v>1927</c:v>
                </c:pt>
                <c:pt idx="506">
                  <c:v>1931.4</c:v>
                </c:pt>
                <c:pt idx="507">
                  <c:v>1932.2</c:v>
                </c:pt>
                <c:pt idx="508">
                  <c:v>1932.2</c:v>
                </c:pt>
                <c:pt idx="509">
                  <c:v>1932.2</c:v>
                </c:pt>
                <c:pt idx="510">
                  <c:v>1932.2</c:v>
                </c:pt>
                <c:pt idx="511">
                  <c:v>1932.2</c:v>
                </c:pt>
                <c:pt idx="512">
                  <c:v>1932.2</c:v>
                </c:pt>
                <c:pt idx="513">
                  <c:v>1932.8</c:v>
                </c:pt>
                <c:pt idx="514">
                  <c:v>1944.6</c:v>
                </c:pt>
                <c:pt idx="515">
                  <c:v>1947.8999999999999</c:v>
                </c:pt>
                <c:pt idx="516">
                  <c:v>1947.8999999999999</c:v>
                </c:pt>
                <c:pt idx="517">
                  <c:v>1947.8999999999999</c:v>
                </c:pt>
                <c:pt idx="518">
                  <c:v>1968.1999999999998</c:v>
                </c:pt>
                <c:pt idx="519">
                  <c:v>1968.1999999999998</c:v>
                </c:pt>
                <c:pt idx="520">
                  <c:v>1970.6999999999998</c:v>
                </c:pt>
                <c:pt idx="521">
                  <c:v>1986.6</c:v>
                </c:pt>
                <c:pt idx="522">
                  <c:v>1995.6999999999998</c:v>
                </c:pt>
                <c:pt idx="523">
                  <c:v>1995.6999999999998</c:v>
                </c:pt>
                <c:pt idx="524">
                  <c:v>1995.6999999999998</c:v>
                </c:pt>
                <c:pt idx="525">
                  <c:v>1999.6</c:v>
                </c:pt>
                <c:pt idx="526">
                  <c:v>2049.1</c:v>
                </c:pt>
                <c:pt idx="527">
                  <c:v>2049.1</c:v>
                </c:pt>
                <c:pt idx="528">
                  <c:v>2051.6</c:v>
                </c:pt>
                <c:pt idx="529">
                  <c:v>2051.6</c:v>
                </c:pt>
                <c:pt idx="530">
                  <c:v>2051.6</c:v>
                </c:pt>
                <c:pt idx="531">
                  <c:v>2051.6</c:v>
                </c:pt>
                <c:pt idx="532">
                  <c:v>2060.7999999999997</c:v>
                </c:pt>
                <c:pt idx="533">
                  <c:v>2070.7999999999997</c:v>
                </c:pt>
                <c:pt idx="534">
                  <c:v>2072.6</c:v>
                </c:pt>
                <c:pt idx="535">
                  <c:v>2072.6</c:v>
                </c:pt>
                <c:pt idx="536">
                  <c:v>2088.4</c:v>
                </c:pt>
                <c:pt idx="537">
                  <c:v>2088.4</c:v>
                </c:pt>
                <c:pt idx="538">
                  <c:v>2088.4</c:v>
                </c:pt>
                <c:pt idx="539">
                  <c:v>2088.4</c:v>
                </c:pt>
                <c:pt idx="540">
                  <c:v>2149.8000000000002</c:v>
                </c:pt>
                <c:pt idx="541">
                  <c:v>2159.4</c:v>
                </c:pt>
                <c:pt idx="542">
                  <c:v>2160</c:v>
                </c:pt>
                <c:pt idx="543">
                  <c:v>2161.6999999999998</c:v>
                </c:pt>
                <c:pt idx="544">
                  <c:v>2161.6999999999998</c:v>
                </c:pt>
                <c:pt idx="545">
                  <c:v>2161.6999999999998</c:v>
                </c:pt>
                <c:pt idx="546">
                  <c:v>2173.3999999999996</c:v>
                </c:pt>
                <c:pt idx="547">
                  <c:v>2173.7999999999997</c:v>
                </c:pt>
                <c:pt idx="548">
                  <c:v>2174.6</c:v>
                </c:pt>
                <c:pt idx="549">
                  <c:v>2174.6</c:v>
                </c:pt>
                <c:pt idx="550">
                  <c:v>2174.6</c:v>
                </c:pt>
                <c:pt idx="551">
                  <c:v>2174.6</c:v>
                </c:pt>
                <c:pt idx="552">
                  <c:v>2174.6</c:v>
                </c:pt>
                <c:pt idx="553">
                  <c:v>2190.6999999999998</c:v>
                </c:pt>
                <c:pt idx="554">
                  <c:v>2190.6999999999998</c:v>
                </c:pt>
                <c:pt idx="555">
                  <c:v>2190.6999999999998</c:v>
                </c:pt>
                <c:pt idx="556">
                  <c:v>2190.6999999999998</c:v>
                </c:pt>
                <c:pt idx="557">
                  <c:v>2190.6999999999998</c:v>
                </c:pt>
                <c:pt idx="558">
                  <c:v>2190.6999999999998</c:v>
                </c:pt>
                <c:pt idx="559">
                  <c:v>2190.6999999999998</c:v>
                </c:pt>
                <c:pt idx="560">
                  <c:v>2197.6999999999998</c:v>
                </c:pt>
                <c:pt idx="561">
                  <c:v>2201</c:v>
                </c:pt>
                <c:pt idx="562">
                  <c:v>2201</c:v>
                </c:pt>
                <c:pt idx="563">
                  <c:v>2201</c:v>
                </c:pt>
                <c:pt idx="564">
                  <c:v>2201</c:v>
                </c:pt>
                <c:pt idx="565">
                  <c:v>2201</c:v>
                </c:pt>
                <c:pt idx="566">
                  <c:v>2201</c:v>
                </c:pt>
                <c:pt idx="567">
                  <c:v>2201</c:v>
                </c:pt>
                <c:pt idx="568">
                  <c:v>2201</c:v>
                </c:pt>
                <c:pt idx="569">
                  <c:v>2201</c:v>
                </c:pt>
                <c:pt idx="570">
                  <c:v>2201</c:v>
                </c:pt>
                <c:pt idx="571">
                  <c:v>2201</c:v>
                </c:pt>
                <c:pt idx="572">
                  <c:v>2201</c:v>
                </c:pt>
                <c:pt idx="573">
                  <c:v>2201</c:v>
                </c:pt>
                <c:pt idx="574">
                  <c:v>2226</c:v>
                </c:pt>
                <c:pt idx="575">
                  <c:v>2243.5</c:v>
                </c:pt>
                <c:pt idx="576">
                  <c:v>2244.1</c:v>
                </c:pt>
                <c:pt idx="577">
                  <c:v>2244.1</c:v>
                </c:pt>
                <c:pt idx="578">
                  <c:v>2244.1</c:v>
                </c:pt>
                <c:pt idx="579">
                  <c:v>2244.1</c:v>
                </c:pt>
                <c:pt idx="580">
                  <c:v>2244.1</c:v>
                </c:pt>
                <c:pt idx="581">
                  <c:v>2313.9</c:v>
                </c:pt>
                <c:pt idx="582">
                  <c:v>2313.9</c:v>
                </c:pt>
                <c:pt idx="583">
                  <c:v>2313.9</c:v>
                </c:pt>
                <c:pt idx="584">
                  <c:v>2313.9</c:v>
                </c:pt>
                <c:pt idx="585">
                  <c:v>2322.7000000000003</c:v>
                </c:pt>
                <c:pt idx="586">
                  <c:v>2322.7000000000003</c:v>
                </c:pt>
                <c:pt idx="587">
                  <c:v>2322.7000000000003</c:v>
                </c:pt>
                <c:pt idx="588">
                  <c:v>2337.9</c:v>
                </c:pt>
                <c:pt idx="589">
                  <c:v>2346.6</c:v>
                </c:pt>
                <c:pt idx="590">
                  <c:v>2346.6</c:v>
                </c:pt>
                <c:pt idx="591">
                  <c:v>2349.1</c:v>
                </c:pt>
                <c:pt idx="592">
                  <c:v>2357</c:v>
                </c:pt>
                <c:pt idx="593">
                  <c:v>2357</c:v>
                </c:pt>
                <c:pt idx="594">
                  <c:v>2357</c:v>
                </c:pt>
                <c:pt idx="595">
                  <c:v>2387.8000000000002</c:v>
                </c:pt>
                <c:pt idx="596">
                  <c:v>2387.8000000000002</c:v>
                </c:pt>
                <c:pt idx="597">
                  <c:v>2387.8000000000002</c:v>
                </c:pt>
                <c:pt idx="598">
                  <c:v>2391.1000000000004</c:v>
                </c:pt>
                <c:pt idx="599">
                  <c:v>2411.1000000000004</c:v>
                </c:pt>
                <c:pt idx="600">
                  <c:v>2411.1000000000004</c:v>
                </c:pt>
                <c:pt idx="601">
                  <c:v>2411.1000000000004</c:v>
                </c:pt>
                <c:pt idx="602">
                  <c:v>2421.2000000000003</c:v>
                </c:pt>
                <c:pt idx="603">
                  <c:v>2421.2000000000003</c:v>
                </c:pt>
                <c:pt idx="604">
                  <c:v>2421.2000000000003</c:v>
                </c:pt>
                <c:pt idx="605">
                  <c:v>2421.5000000000005</c:v>
                </c:pt>
                <c:pt idx="606">
                  <c:v>2423.0000000000005</c:v>
                </c:pt>
                <c:pt idx="607">
                  <c:v>2423.0000000000005</c:v>
                </c:pt>
                <c:pt idx="608">
                  <c:v>2423.0000000000005</c:v>
                </c:pt>
                <c:pt idx="609">
                  <c:v>2470.5000000000005</c:v>
                </c:pt>
                <c:pt idx="610">
                  <c:v>2470.5000000000005</c:v>
                </c:pt>
                <c:pt idx="611">
                  <c:v>2470.7000000000003</c:v>
                </c:pt>
                <c:pt idx="612">
                  <c:v>2470.7000000000003</c:v>
                </c:pt>
                <c:pt idx="613">
                  <c:v>2470.7000000000003</c:v>
                </c:pt>
                <c:pt idx="614">
                  <c:v>2470.7000000000003</c:v>
                </c:pt>
                <c:pt idx="615">
                  <c:v>2470.7000000000003</c:v>
                </c:pt>
                <c:pt idx="616">
                  <c:v>2470.7000000000003</c:v>
                </c:pt>
                <c:pt idx="617">
                  <c:v>2470.7000000000003</c:v>
                </c:pt>
                <c:pt idx="618">
                  <c:v>2470.7000000000003</c:v>
                </c:pt>
                <c:pt idx="619">
                  <c:v>2470.7000000000003</c:v>
                </c:pt>
                <c:pt idx="620">
                  <c:v>2470.7000000000003</c:v>
                </c:pt>
                <c:pt idx="621">
                  <c:v>2470.7000000000003</c:v>
                </c:pt>
                <c:pt idx="622">
                  <c:v>2470.7000000000003</c:v>
                </c:pt>
                <c:pt idx="623">
                  <c:v>2475.7000000000003</c:v>
                </c:pt>
                <c:pt idx="624">
                  <c:v>2475.7000000000003</c:v>
                </c:pt>
                <c:pt idx="625">
                  <c:v>2510.4</c:v>
                </c:pt>
                <c:pt idx="626">
                  <c:v>2517.2000000000003</c:v>
                </c:pt>
                <c:pt idx="627">
                  <c:v>2517.2000000000003</c:v>
                </c:pt>
                <c:pt idx="628">
                  <c:v>2517.2000000000003</c:v>
                </c:pt>
                <c:pt idx="629">
                  <c:v>2517.2000000000003</c:v>
                </c:pt>
                <c:pt idx="630">
                  <c:v>2517.9</c:v>
                </c:pt>
                <c:pt idx="631">
                  <c:v>2517.9</c:v>
                </c:pt>
                <c:pt idx="632">
                  <c:v>2517.9</c:v>
                </c:pt>
                <c:pt idx="633">
                  <c:v>2517.9</c:v>
                </c:pt>
                <c:pt idx="634">
                  <c:v>2517.9</c:v>
                </c:pt>
                <c:pt idx="635">
                  <c:v>2517.9</c:v>
                </c:pt>
                <c:pt idx="636">
                  <c:v>2517.9</c:v>
                </c:pt>
                <c:pt idx="637">
                  <c:v>2517.9</c:v>
                </c:pt>
                <c:pt idx="638">
                  <c:v>2517.9</c:v>
                </c:pt>
                <c:pt idx="639">
                  <c:v>2517.9</c:v>
                </c:pt>
                <c:pt idx="640">
                  <c:v>2521.8000000000002</c:v>
                </c:pt>
                <c:pt idx="641">
                  <c:v>2522.1000000000004</c:v>
                </c:pt>
                <c:pt idx="642">
                  <c:v>2522.1000000000004</c:v>
                </c:pt>
                <c:pt idx="643">
                  <c:v>2522.1000000000004</c:v>
                </c:pt>
                <c:pt idx="644">
                  <c:v>2522.1000000000004</c:v>
                </c:pt>
                <c:pt idx="645">
                  <c:v>2522.1000000000004</c:v>
                </c:pt>
                <c:pt idx="646">
                  <c:v>2522.1000000000004</c:v>
                </c:pt>
                <c:pt idx="647">
                  <c:v>2522.1000000000004</c:v>
                </c:pt>
                <c:pt idx="648">
                  <c:v>2522.1000000000004</c:v>
                </c:pt>
                <c:pt idx="649">
                  <c:v>2522.1000000000004</c:v>
                </c:pt>
                <c:pt idx="650">
                  <c:v>2522.1000000000004</c:v>
                </c:pt>
                <c:pt idx="651">
                  <c:v>2522.1000000000004</c:v>
                </c:pt>
                <c:pt idx="652">
                  <c:v>2522.1000000000004</c:v>
                </c:pt>
                <c:pt idx="653">
                  <c:v>2522.1000000000004</c:v>
                </c:pt>
                <c:pt idx="654">
                  <c:v>2522.1000000000004</c:v>
                </c:pt>
                <c:pt idx="655">
                  <c:v>2522.1000000000004</c:v>
                </c:pt>
                <c:pt idx="656">
                  <c:v>2522.1000000000004</c:v>
                </c:pt>
                <c:pt idx="657">
                  <c:v>2522.1000000000004</c:v>
                </c:pt>
                <c:pt idx="658">
                  <c:v>2522.1000000000004</c:v>
                </c:pt>
                <c:pt idx="659">
                  <c:v>2537.8000000000002</c:v>
                </c:pt>
                <c:pt idx="660">
                  <c:v>2537.8000000000002</c:v>
                </c:pt>
                <c:pt idx="661">
                  <c:v>2537.8000000000002</c:v>
                </c:pt>
                <c:pt idx="662">
                  <c:v>2537.8000000000002</c:v>
                </c:pt>
                <c:pt idx="663">
                  <c:v>2537.8000000000002</c:v>
                </c:pt>
                <c:pt idx="664">
                  <c:v>2537.8000000000002</c:v>
                </c:pt>
                <c:pt idx="665">
                  <c:v>2537.8000000000002</c:v>
                </c:pt>
                <c:pt idx="666">
                  <c:v>2537.8000000000002</c:v>
                </c:pt>
                <c:pt idx="667">
                  <c:v>2537.8000000000002</c:v>
                </c:pt>
                <c:pt idx="668">
                  <c:v>2537.8000000000002</c:v>
                </c:pt>
                <c:pt idx="669">
                  <c:v>2537.8000000000002</c:v>
                </c:pt>
                <c:pt idx="670">
                  <c:v>2537.8000000000002</c:v>
                </c:pt>
                <c:pt idx="671">
                  <c:v>2537.8000000000002</c:v>
                </c:pt>
                <c:pt idx="672">
                  <c:v>2565.3000000000002</c:v>
                </c:pt>
                <c:pt idx="673">
                  <c:v>2565.3000000000002</c:v>
                </c:pt>
                <c:pt idx="674">
                  <c:v>2579</c:v>
                </c:pt>
                <c:pt idx="675">
                  <c:v>2579</c:v>
                </c:pt>
                <c:pt idx="676">
                  <c:v>2587.1</c:v>
                </c:pt>
                <c:pt idx="677">
                  <c:v>2587.1</c:v>
                </c:pt>
                <c:pt idx="678">
                  <c:v>2587.1</c:v>
                </c:pt>
                <c:pt idx="679">
                  <c:v>2587.1</c:v>
                </c:pt>
                <c:pt idx="680">
                  <c:v>2587.1</c:v>
                </c:pt>
                <c:pt idx="681">
                  <c:v>2589.5</c:v>
                </c:pt>
                <c:pt idx="682">
                  <c:v>2589.5</c:v>
                </c:pt>
                <c:pt idx="683">
                  <c:v>2589.5</c:v>
                </c:pt>
                <c:pt idx="684">
                  <c:v>2589.5</c:v>
                </c:pt>
                <c:pt idx="685">
                  <c:v>2589.5</c:v>
                </c:pt>
                <c:pt idx="686">
                  <c:v>2629.5</c:v>
                </c:pt>
                <c:pt idx="687">
                  <c:v>2634.8</c:v>
                </c:pt>
                <c:pt idx="688">
                  <c:v>2637.1000000000004</c:v>
                </c:pt>
                <c:pt idx="689">
                  <c:v>2658.5000000000005</c:v>
                </c:pt>
                <c:pt idx="690">
                  <c:v>2658.5000000000005</c:v>
                </c:pt>
                <c:pt idx="691">
                  <c:v>2658.5000000000005</c:v>
                </c:pt>
                <c:pt idx="692">
                  <c:v>2658.5000000000005</c:v>
                </c:pt>
                <c:pt idx="693">
                  <c:v>2660.0000000000005</c:v>
                </c:pt>
                <c:pt idx="694">
                  <c:v>2660.1000000000004</c:v>
                </c:pt>
                <c:pt idx="695">
                  <c:v>2660.1000000000004</c:v>
                </c:pt>
                <c:pt idx="696">
                  <c:v>2660.1000000000004</c:v>
                </c:pt>
                <c:pt idx="697">
                  <c:v>2660.1000000000004</c:v>
                </c:pt>
                <c:pt idx="698">
                  <c:v>2660.1000000000004</c:v>
                </c:pt>
                <c:pt idx="699">
                  <c:v>2660.1000000000004</c:v>
                </c:pt>
                <c:pt idx="700">
                  <c:v>2668.0000000000005</c:v>
                </c:pt>
                <c:pt idx="701">
                  <c:v>2727.3000000000006</c:v>
                </c:pt>
                <c:pt idx="702">
                  <c:v>2767.7000000000007</c:v>
                </c:pt>
                <c:pt idx="703">
                  <c:v>2767.7000000000007</c:v>
                </c:pt>
                <c:pt idx="704">
                  <c:v>2767.9000000000005</c:v>
                </c:pt>
                <c:pt idx="705">
                  <c:v>2767.9000000000005</c:v>
                </c:pt>
                <c:pt idx="706">
                  <c:v>2767.9000000000005</c:v>
                </c:pt>
                <c:pt idx="707">
                  <c:v>2768.2000000000007</c:v>
                </c:pt>
                <c:pt idx="708">
                  <c:v>2786.8000000000006</c:v>
                </c:pt>
                <c:pt idx="709">
                  <c:v>2804.1000000000008</c:v>
                </c:pt>
                <c:pt idx="710">
                  <c:v>2804.1000000000008</c:v>
                </c:pt>
                <c:pt idx="711">
                  <c:v>2804.1000000000008</c:v>
                </c:pt>
                <c:pt idx="712">
                  <c:v>2804.1000000000008</c:v>
                </c:pt>
                <c:pt idx="713">
                  <c:v>2804.1000000000008</c:v>
                </c:pt>
                <c:pt idx="714">
                  <c:v>2804.1000000000008</c:v>
                </c:pt>
                <c:pt idx="715">
                  <c:v>2804.1000000000008</c:v>
                </c:pt>
                <c:pt idx="716">
                  <c:v>2804.1000000000008</c:v>
                </c:pt>
                <c:pt idx="717">
                  <c:v>2804.1000000000008</c:v>
                </c:pt>
                <c:pt idx="718">
                  <c:v>2804.1000000000008</c:v>
                </c:pt>
                <c:pt idx="719">
                  <c:v>2804.1000000000008</c:v>
                </c:pt>
                <c:pt idx="720">
                  <c:v>2804.1000000000008</c:v>
                </c:pt>
                <c:pt idx="721">
                  <c:v>2858.7000000000007</c:v>
                </c:pt>
                <c:pt idx="722">
                  <c:v>2860.5000000000009</c:v>
                </c:pt>
                <c:pt idx="723">
                  <c:v>2861.3000000000011</c:v>
                </c:pt>
                <c:pt idx="724">
                  <c:v>2861.3000000000011</c:v>
                </c:pt>
                <c:pt idx="725">
                  <c:v>2861.3000000000011</c:v>
                </c:pt>
                <c:pt idx="726">
                  <c:v>2861.3000000000011</c:v>
                </c:pt>
                <c:pt idx="727">
                  <c:v>2861.3000000000011</c:v>
                </c:pt>
                <c:pt idx="728">
                  <c:v>2862.7000000000012</c:v>
                </c:pt>
                <c:pt idx="729">
                  <c:v>2862.8000000000011</c:v>
                </c:pt>
                <c:pt idx="730">
                  <c:v>2864.2000000000012</c:v>
                </c:pt>
                <c:pt idx="731">
                  <c:v>2864.2000000000012</c:v>
                </c:pt>
                <c:pt idx="732">
                  <c:v>2872.1000000000013</c:v>
                </c:pt>
                <c:pt idx="733">
                  <c:v>2872.1000000000013</c:v>
                </c:pt>
                <c:pt idx="734">
                  <c:v>2872.1000000000013</c:v>
                </c:pt>
                <c:pt idx="735">
                  <c:v>2888.5000000000014</c:v>
                </c:pt>
                <c:pt idx="736">
                  <c:v>2888.5000000000014</c:v>
                </c:pt>
                <c:pt idx="737">
                  <c:v>2889.8000000000015</c:v>
                </c:pt>
                <c:pt idx="738">
                  <c:v>2889.8000000000015</c:v>
                </c:pt>
                <c:pt idx="739">
                  <c:v>2889.8000000000015</c:v>
                </c:pt>
                <c:pt idx="740">
                  <c:v>2889.8000000000015</c:v>
                </c:pt>
                <c:pt idx="741">
                  <c:v>2889.8000000000015</c:v>
                </c:pt>
                <c:pt idx="742">
                  <c:v>2894.4000000000015</c:v>
                </c:pt>
                <c:pt idx="743">
                  <c:v>2894.9000000000015</c:v>
                </c:pt>
                <c:pt idx="744">
                  <c:v>2894.9000000000015</c:v>
                </c:pt>
                <c:pt idx="745">
                  <c:v>2894.9000000000015</c:v>
                </c:pt>
                <c:pt idx="746">
                  <c:v>2895.4000000000015</c:v>
                </c:pt>
                <c:pt idx="747">
                  <c:v>2895.4000000000015</c:v>
                </c:pt>
                <c:pt idx="748">
                  <c:v>2895.4000000000015</c:v>
                </c:pt>
                <c:pt idx="749">
                  <c:v>2895.4000000000015</c:v>
                </c:pt>
                <c:pt idx="750">
                  <c:v>2895.4000000000015</c:v>
                </c:pt>
                <c:pt idx="751">
                  <c:v>2895.4000000000015</c:v>
                </c:pt>
                <c:pt idx="752">
                  <c:v>2895.4000000000015</c:v>
                </c:pt>
                <c:pt idx="753">
                  <c:v>2895.4000000000015</c:v>
                </c:pt>
                <c:pt idx="754">
                  <c:v>2895.4000000000015</c:v>
                </c:pt>
                <c:pt idx="755">
                  <c:v>2895.4000000000015</c:v>
                </c:pt>
                <c:pt idx="756">
                  <c:v>2916.4000000000015</c:v>
                </c:pt>
                <c:pt idx="757">
                  <c:v>2962.8000000000015</c:v>
                </c:pt>
                <c:pt idx="758">
                  <c:v>2973.3000000000015</c:v>
                </c:pt>
                <c:pt idx="759">
                  <c:v>2973.5000000000014</c:v>
                </c:pt>
                <c:pt idx="760">
                  <c:v>2973.9000000000015</c:v>
                </c:pt>
                <c:pt idx="761">
                  <c:v>2973.9000000000015</c:v>
                </c:pt>
                <c:pt idx="762">
                  <c:v>2973.9000000000015</c:v>
                </c:pt>
                <c:pt idx="763">
                  <c:v>3020.8000000000015</c:v>
                </c:pt>
                <c:pt idx="764">
                  <c:v>3020.8000000000015</c:v>
                </c:pt>
                <c:pt idx="765">
                  <c:v>3020.9000000000015</c:v>
                </c:pt>
                <c:pt idx="766">
                  <c:v>3021.2000000000016</c:v>
                </c:pt>
                <c:pt idx="767">
                  <c:v>3028.4000000000015</c:v>
                </c:pt>
                <c:pt idx="768">
                  <c:v>3028.4000000000015</c:v>
                </c:pt>
                <c:pt idx="769">
                  <c:v>3028.4000000000015</c:v>
                </c:pt>
                <c:pt idx="770">
                  <c:v>3028.4000000000015</c:v>
                </c:pt>
                <c:pt idx="771">
                  <c:v>3029.6000000000013</c:v>
                </c:pt>
                <c:pt idx="772">
                  <c:v>3045.4000000000015</c:v>
                </c:pt>
                <c:pt idx="773">
                  <c:v>3046.5000000000014</c:v>
                </c:pt>
                <c:pt idx="774">
                  <c:v>3058.4000000000015</c:v>
                </c:pt>
                <c:pt idx="775">
                  <c:v>3058.4000000000015</c:v>
                </c:pt>
                <c:pt idx="776">
                  <c:v>3058.4000000000015</c:v>
                </c:pt>
                <c:pt idx="777">
                  <c:v>3097.0000000000014</c:v>
                </c:pt>
                <c:pt idx="778">
                  <c:v>3097.0000000000014</c:v>
                </c:pt>
                <c:pt idx="779">
                  <c:v>3097.0000000000014</c:v>
                </c:pt>
                <c:pt idx="780">
                  <c:v>3097.0000000000014</c:v>
                </c:pt>
                <c:pt idx="781">
                  <c:v>3097.0000000000014</c:v>
                </c:pt>
                <c:pt idx="782">
                  <c:v>3097.0000000000014</c:v>
                </c:pt>
                <c:pt idx="783">
                  <c:v>3097.0000000000014</c:v>
                </c:pt>
                <c:pt idx="784">
                  <c:v>3097.7000000000012</c:v>
                </c:pt>
                <c:pt idx="785">
                  <c:v>3097.7000000000012</c:v>
                </c:pt>
                <c:pt idx="786">
                  <c:v>3097.7000000000012</c:v>
                </c:pt>
                <c:pt idx="787">
                  <c:v>3097.7000000000012</c:v>
                </c:pt>
                <c:pt idx="788">
                  <c:v>3097.7000000000012</c:v>
                </c:pt>
                <c:pt idx="789">
                  <c:v>3097.7000000000012</c:v>
                </c:pt>
                <c:pt idx="790">
                  <c:v>3097.7000000000012</c:v>
                </c:pt>
                <c:pt idx="791">
                  <c:v>3097.7000000000012</c:v>
                </c:pt>
                <c:pt idx="792">
                  <c:v>3097.7000000000012</c:v>
                </c:pt>
                <c:pt idx="793">
                  <c:v>3097.7000000000012</c:v>
                </c:pt>
                <c:pt idx="794">
                  <c:v>3097.7000000000012</c:v>
                </c:pt>
                <c:pt idx="795">
                  <c:v>3097.900000000001</c:v>
                </c:pt>
                <c:pt idx="796">
                  <c:v>3097.900000000001</c:v>
                </c:pt>
                <c:pt idx="797">
                  <c:v>3097.900000000001</c:v>
                </c:pt>
                <c:pt idx="798">
                  <c:v>3097.900000000001</c:v>
                </c:pt>
                <c:pt idx="799">
                  <c:v>3097.900000000001</c:v>
                </c:pt>
                <c:pt idx="800">
                  <c:v>3098.1000000000008</c:v>
                </c:pt>
                <c:pt idx="801">
                  <c:v>3098.1000000000008</c:v>
                </c:pt>
                <c:pt idx="802">
                  <c:v>3098.1000000000008</c:v>
                </c:pt>
                <c:pt idx="803">
                  <c:v>3098.1000000000008</c:v>
                </c:pt>
                <c:pt idx="804">
                  <c:v>3098.1000000000008</c:v>
                </c:pt>
                <c:pt idx="805">
                  <c:v>3101.900000000001</c:v>
                </c:pt>
                <c:pt idx="806">
                  <c:v>3101.900000000001</c:v>
                </c:pt>
                <c:pt idx="807">
                  <c:v>3101.900000000001</c:v>
                </c:pt>
                <c:pt idx="808">
                  <c:v>3101.900000000001</c:v>
                </c:pt>
                <c:pt idx="809">
                  <c:v>3101.900000000001</c:v>
                </c:pt>
                <c:pt idx="810">
                  <c:v>3101.900000000001</c:v>
                </c:pt>
                <c:pt idx="811">
                  <c:v>3101.900000000001</c:v>
                </c:pt>
                <c:pt idx="812">
                  <c:v>3156.2000000000012</c:v>
                </c:pt>
                <c:pt idx="813">
                  <c:v>3156.2000000000012</c:v>
                </c:pt>
                <c:pt idx="814">
                  <c:v>3156.2000000000012</c:v>
                </c:pt>
                <c:pt idx="815">
                  <c:v>3159.5000000000014</c:v>
                </c:pt>
                <c:pt idx="816">
                  <c:v>3160.4000000000015</c:v>
                </c:pt>
                <c:pt idx="817">
                  <c:v>3160.4000000000015</c:v>
                </c:pt>
                <c:pt idx="818">
                  <c:v>3160.4000000000015</c:v>
                </c:pt>
                <c:pt idx="819">
                  <c:v>3202.2000000000016</c:v>
                </c:pt>
                <c:pt idx="820">
                  <c:v>3202.2000000000016</c:v>
                </c:pt>
                <c:pt idx="821">
                  <c:v>3202.2000000000016</c:v>
                </c:pt>
                <c:pt idx="822">
                  <c:v>3202.2000000000016</c:v>
                </c:pt>
                <c:pt idx="823">
                  <c:v>3202.2000000000016</c:v>
                </c:pt>
                <c:pt idx="824">
                  <c:v>3202.2000000000016</c:v>
                </c:pt>
                <c:pt idx="825">
                  <c:v>3202.2000000000016</c:v>
                </c:pt>
                <c:pt idx="826">
                  <c:v>3202.2000000000016</c:v>
                </c:pt>
                <c:pt idx="827">
                  <c:v>3202.2000000000016</c:v>
                </c:pt>
                <c:pt idx="828">
                  <c:v>3218.6000000000017</c:v>
                </c:pt>
                <c:pt idx="829">
                  <c:v>3218.8000000000015</c:v>
                </c:pt>
                <c:pt idx="830">
                  <c:v>3221.8000000000015</c:v>
                </c:pt>
                <c:pt idx="831">
                  <c:v>3221.8000000000015</c:v>
                </c:pt>
                <c:pt idx="832">
                  <c:v>3221.8000000000015</c:v>
                </c:pt>
                <c:pt idx="833">
                  <c:v>3273.8000000000015</c:v>
                </c:pt>
                <c:pt idx="834">
                  <c:v>3274.1000000000017</c:v>
                </c:pt>
                <c:pt idx="835">
                  <c:v>3274.1000000000017</c:v>
                </c:pt>
                <c:pt idx="836">
                  <c:v>3274.1000000000017</c:v>
                </c:pt>
                <c:pt idx="837">
                  <c:v>3292.9000000000019</c:v>
                </c:pt>
                <c:pt idx="838">
                  <c:v>3292.9000000000019</c:v>
                </c:pt>
                <c:pt idx="839">
                  <c:v>3292.9000000000019</c:v>
                </c:pt>
                <c:pt idx="840">
                  <c:v>3301.9000000000019</c:v>
                </c:pt>
                <c:pt idx="841">
                  <c:v>3302.7000000000021</c:v>
                </c:pt>
                <c:pt idx="842">
                  <c:v>3306.9000000000019</c:v>
                </c:pt>
                <c:pt idx="843">
                  <c:v>3311.9000000000019</c:v>
                </c:pt>
                <c:pt idx="844">
                  <c:v>3331.7000000000021</c:v>
                </c:pt>
                <c:pt idx="845">
                  <c:v>3331.7000000000021</c:v>
                </c:pt>
                <c:pt idx="846">
                  <c:v>3331.7000000000021</c:v>
                </c:pt>
                <c:pt idx="847">
                  <c:v>3407.1000000000022</c:v>
                </c:pt>
                <c:pt idx="848">
                  <c:v>3407.1000000000022</c:v>
                </c:pt>
                <c:pt idx="849">
                  <c:v>3411.800000000002</c:v>
                </c:pt>
                <c:pt idx="850">
                  <c:v>3414.7000000000021</c:v>
                </c:pt>
                <c:pt idx="851">
                  <c:v>3415.300000000002</c:v>
                </c:pt>
                <c:pt idx="852">
                  <c:v>3415.300000000002</c:v>
                </c:pt>
                <c:pt idx="853">
                  <c:v>3415.300000000002</c:v>
                </c:pt>
                <c:pt idx="854">
                  <c:v>3445.800000000002</c:v>
                </c:pt>
                <c:pt idx="855">
                  <c:v>3476.4000000000019</c:v>
                </c:pt>
                <c:pt idx="856">
                  <c:v>3498.9000000000019</c:v>
                </c:pt>
                <c:pt idx="857">
                  <c:v>3505.7000000000021</c:v>
                </c:pt>
                <c:pt idx="858">
                  <c:v>3528.5000000000023</c:v>
                </c:pt>
                <c:pt idx="859">
                  <c:v>3528.5000000000023</c:v>
                </c:pt>
                <c:pt idx="860">
                  <c:v>3528.5000000000023</c:v>
                </c:pt>
                <c:pt idx="861">
                  <c:v>3554.3000000000025</c:v>
                </c:pt>
                <c:pt idx="862">
                  <c:v>3569.5000000000023</c:v>
                </c:pt>
                <c:pt idx="863">
                  <c:v>3579.2000000000021</c:v>
                </c:pt>
                <c:pt idx="864">
                  <c:v>3597.7000000000021</c:v>
                </c:pt>
                <c:pt idx="865">
                  <c:v>3598.7000000000021</c:v>
                </c:pt>
                <c:pt idx="866">
                  <c:v>3598.7000000000021</c:v>
                </c:pt>
                <c:pt idx="867">
                  <c:v>3598.7000000000021</c:v>
                </c:pt>
                <c:pt idx="868">
                  <c:v>3621.0000000000023</c:v>
                </c:pt>
                <c:pt idx="869">
                  <c:v>3621.0000000000023</c:v>
                </c:pt>
                <c:pt idx="870">
                  <c:v>3621.0000000000023</c:v>
                </c:pt>
                <c:pt idx="871">
                  <c:v>3621.6000000000022</c:v>
                </c:pt>
                <c:pt idx="872">
                  <c:v>3622.300000000002</c:v>
                </c:pt>
                <c:pt idx="873">
                  <c:v>3622.300000000002</c:v>
                </c:pt>
                <c:pt idx="874">
                  <c:v>3622.300000000002</c:v>
                </c:pt>
                <c:pt idx="875">
                  <c:v>3626.2000000000021</c:v>
                </c:pt>
                <c:pt idx="876">
                  <c:v>3626.2000000000021</c:v>
                </c:pt>
                <c:pt idx="877">
                  <c:v>3626.2000000000021</c:v>
                </c:pt>
                <c:pt idx="878">
                  <c:v>3626.2000000000021</c:v>
                </c:pt>
                <c:pt idx="879">
                  <c:v>3626.2000000000021</c:v>
                </c:pt>
                <c:pt idx="880">
                  <c:v>3626.2000000000021</c:v>
                </c:pt>
                <c:pt idx="881">
                  <c:v>3626.2000000000021</c:v>
                </c:pt>
                <c:pt idx="882">
                  <c:v>3626.2000000000021</c:v>
                </c:pt>
                <c:pt idx="883">
                  <c:v>3626.2000000000021</c:v>
                </c:pt>
                <c:pt idx="884">
                  <c:v>3626.2000000000021</c:v>
                </c:pt>
                <c:pt idx="885">
                  <c:v>3626.2000000000021</c:v>
                </c:pt>
                <c:pt idx="886">
                  <c:v>3626.2000000000021</c:v>
                </c:pt>
                <c:pt idx="887">
                  <c:v>3626.2000000000021</c:v>
                </c:pt>
                <c:pt idx="888">
                  <c:v>3626.2000000000021</c:v>
                </c:pt>
                <c:pt idx="889">
                  <c:v>3626.2000000000021</c:v>
                </c:pt>
                <c:pt idx="890">
                  <c:v>3626.2000000000021</c:v>
                </c:pt>
                <c:pt idx="891">
                  <c:v>3626.2000000000021</c:v>
                </c:pt>
                <c:pt idx="892">
                  <c:v>3626.2000000000021</c:v>
                </c:pt>
                <c:pt idx="893">
                  <c:v>3626.2000000000021</c:v>
                </c:pt>
                <c:pt idx="894">
                  <c:v>3626.2000000000021</c:v>
                </c:pt>
                <c:pt idx="895">
                  <c:v>3626.2000000000021</c:v>
                </c:pt>
                <c:pt idx="896">
                  <c:v>3645.0000000000023</c:v>
                </c:pt>
                <c:pt idx="897">
                  <c:v>3650.6000000000022</c:v>
                </c:pt>
                <c:pt idx="898">
                  <c:v>3653.800000000002</c:v>
                </c:pt>
                <c:pt idx="899">
                  <c:v>3654.0000000000018</c:v>
                </c:pt>
                <c:pt idx="900">
                  <c:v>3654.4000000000019</c:v>
                </c:pt>
                <c:pt idx="901">
                  <c:v>3654.4000000000019</c:v>
                </c:pt>
                <c:pt idx="902">
                  <c:v>3654.4000000000019</c:v>
                </c:pt>
                <c:pt idx="903">
                  <c:v>3654.4000000000019</c:v>
                </c:pt>
                <c:pt idx="904">
                  <c:v>3654.4000000000019</c:v>
                </c:pt>
                <c:pt idx="905">
                  <c:v>3654.4000000000019</c:v>
                </c:pt>
                <c:pt idx="906">
                  <c:v>3654.4000000000019</c:v>
                </c:pt>
                <c:pt idx="907">
                  <c:v>3654.4000000000019</c:v>
                </c:pt>
                <c:pt idx="908">
                  <c:v>3654.4000000000019</c:v>
                </c:pt>
                <c:pt idx="909">
                  <c:v>3654.4000000000019</c:v>
                </c:pt>
                <c:pt idx="910">
                  <c:v>3672.2000000000021</c:v>
                </c:pt>
                <c:pt idx="911">
                  <c:v>3672.2000000000021</c:v>
                </c:pt>
                <c:pt idx="912">
                  <c:v>3678.5000000000023</c:v>
                </c:pt>
                <c:pt idx="913">
                  <c:v>3678.5000000000023</c:v>
                </c:pt>
                <c:pt idx="914">
                  <c:v>3678.5000000000023</c:v>
                </c:pt>
                <c:pt idx="915">
                  <c:v>3678.5000000000023</c:v>
                </c:pt>
                <c:pt idx="916">
                  <c:v>3678.5000000000023</c:v>
                </c:pt>
                <c:pt idx="917">
                  <c:v>3682.0000000000023</c:v>
                </c:pt>
                <c:pt idx="918">
                  <c:v>3683.2000000000021</c:v>
                </c:pt>
                <c:pt idx="919">
                  <c:v>3683.2000000000021</c:v>
                </c:pt>
                <c:pt idx="920">
                  <c:v>3683.2000000000021</c:v>
                </c:pt>
                <c:pt idx="921">
                  <c:v>3683.2000000000021</c:v>
                </c:pt>
                <c:pt idx="922">
                  <c:v>3683.2000000000021</c:v>
                </c:pt>
                <c:pt idx="923">
                  <c:v>3683.2000000000021</c:v>
                </c:pt>
                <c:pt idx="924">
                  <c:v>3683.2000000000021</c:v>
                </c:pt>
                <c:pt idx="925">
                  <c:v>3714.6000000000022</c:v>
                </c:pt>
                <c:pt idx="926">
                  <c:v>3716.0000000000023</c:v>
                </c:pt>
                <c:pt idx="927">
                  <c:v>3716.2000000000021</c:v>
                </c:pt>
                <c:pt idx="928">
                  <c:v>3716.7000000000021</c:v>
                </c:pt>
                <c:pt idx="929">
                  <c:v>3716.7000000000021</c:v>
                </c:pt>
                <c:pt idx="930">
                  <c:v>3716.7000000000021</c:v>
                </c:pt>
                <c:pt idx="931">
                  <c:v>3716.7000000000021</c:v>
                </c:pt>
                <c:pt idx="932">
                  <c:v>3716.7000000000021</c:v>
                </c:pt>
                <c:pt idx="933">
                  <c:v>3716.7000000000021</c:v>
                </c:pt>
                <c:pt idx="934">
                  <c:v>3716.7000000000021</c:v>
                </c:pt>
                <c:pt idx="935">
                  <c:v>3716.7000000000021</c:v>
                </c:pt>
                <c:pt idx="936">
                  <c:v>3716.7000000000021</c:v>
                </c:pt>
                <c:pt idx="937">
                  <c:v>3716.7000000000021</c:v>
                </c:pt>
                <c:pt idx="938">
                  <c:v>3790.2000000000021</c:v>
                </c:pt>
                <c:pt idx="939">
                  <c:v>3790.2000000000021</c:v>
                </c:pt>
                <c:pt idx="940">
                  <c:v>3790.2000000000021</c:v>
                </c:pt>
                <c:pt idx="941">
                  <c:v>3794.5000000000023</c:v>
                </c:pt>
                <c:pt idx="942">
                  <c:v>3794.5000000000023</c:v>
                </c:pt>
                <c:pt idx="943">
                  <c:v>3794.5000000000023</c:v>
                </c:pt>
                <c:pt idx="944">
                  <c:v>3794.5000000000023</c:v>
                </c:pt>
                <c:pt idx="945">
                  <c:v>3794.5000000000023</c:v>
                </c:pt>
                <c:pt idx="946">
                  <c:v>3836.2000000000021</c:v>
                </c:pt>
                <c:pt idx="947">
                  <c:v>3848.1000000000022</c:v>
                </c:pt>
                <c:pt idx="948">
                  <c:v>3848.1000000000022</c:v>
                </c:pt>
                <c:pt idx="949">
                  <c:v>3848.1000000000022</c:v>
                </c:pt>
                <c:pt idx="950">
                  <c:v>3848.1000000000022</c:v>
                </c:pt>
                <c:pt idx="951">
                  <c:v>3848.1000000000022</c:v>
                </c:pt>
                <c:pt idx="952">
                  <c:v>3851.7000000000021</c:v>
                </c:pt>
                <c:pt idx="953">
                  <c:v>3851.7000000000021</c:v>
                </c:pt>
                <c:pt idx="954">
                  <c:v>3851.7000000000021</c:v>
                </c:pt>
                <c:pt idx="955">
                  <c:v>3851.7000000000021</c:v>
                </c:pt>
                <c:pt idx="956">
                  <c:v>3851.7000000000021</c:v>
                </c:pt>
                <c:pt idx="957">
                  <c:v>3851.7000000000021</c:v>
                </c:pt>
                <c:pt idx="958">
                  <c:v>3851.7000000000021</c:v>
                </c:pt>
                <c:pt idx="959">
                  <c:v>3851.7000000000021</c:v>
                </c:pt>
                <c:pt idx="960">
                  <c:v>3860.800000000002</c:v>
                </c:pt>
                <c:pt idx="961">
                  <c:v>3860.800000000002</c:v>
                </c:pt>
                <c:pt idx="962">
                  <c:v>3877.6000000000022</c:v>
                </c:pt>
                <c:pt idx="963">
                  <c:v>3885.1000000000022</c:v>
                </c:pt>
                <c:pt idx="964">
                  <c:v>3885.1000000000022</c:v>
                </c:pt>
                <c:pt idx="965">
                  <c:v>3885.1000000000022</c:v>
                </c:pt>
                <c:pt idx="966">
                  <c:v>3885.7000000000021</c:v>
                </c:pt>
                <c:pt idx="967">
                  <c:v>3885.7000000000021</c:v>
                </c:pt>
                <c:pt idx="968">
                  <c:v>3895.300000000002</c:v>
                </c:pt>
                <c:pt idx="969">
                  <c:v>3897.0000000000018</c:v>
                </c:pt>
                <c:pt idx="970">
                  <c:v>3897.300000000002</c:v>
                </c:pt>
                <c:pt idx="971">
                  <c:v>3897.300000000002</c:v>
                </c:pt>
                <c:pt idx="972">
                  <c:v>3897.300000000002</c:v>
                </c:pt>
                <c:pt idx="973">
                  <c:v>3897.300000000002</c:v>
                </c:pt>
                <c:pt idx="974">
                  <c:v>3897.300000000002</c:v>
                </c:pt>
                <c:pt idx="975">
                  <c:v>3897.300000000002</c:v>
                </c:pt>
                <c:pt idx="976">
                  <c:v>3897.300000000002</c:v>
                </c:pt>
                <c:pt idx="977">
                  <c:v>3899.4000000000019</c:v>
                </c:pt>
                <c:pt idx="978">
                  <c:v>3899.4000000000019</c:v>
                </c:pt>
                <c:pt idx="979">
                  <c:v>3899.4000000000019</c:v>
                </c:pt>
                <c:pt idx="980">
                  <c:v>3909.7000000000021</c:v>
                </c:pt>
                <c:pt idx="981">
                  <c:v>3909.7000000000021</c:v>
                </c:pt>
                <c:pt idx="982">
                  <c:v>3909.7000000000021</c:v>
                </c:pt>
                <c:pt idx="983">
                  <c:v>3909.7000000000021</c:v>
                </c:pt>
                <c:pt idx="984">
                  <c:v>3909.7000000000021</c:v>
                </c:pt>
                <c:pt idx="985">
                  <c:v>3909.7000000000021</c:v>
                </c:pt>
                <c:pt idx="986">
                  <c:v>3909.7000000000021</c:v>
                </c:pt>
                <c:pt idx="987">
                  <c:v>3913.800000000002</c:v>
                </c:pt>
                <c:pt idx="988">
                  <c:v>3939.300000000002</c:v>
                </c:pt>
                <c:pt idx="989">
                  <c:v>3939.300000000002</c:v>
                </c:pt>
                <c:pt idx="990">
                  <c:v>3969.5000000000018</c:v>
                </c:pt>
                <c:pt idx="991">
                  <c:v>3969.5000000000018</c:v>
                </c:pt>
                <c:pt idx="992">
                  <c:v>3969.5000000000018</c:v>
                </c:pt>
                <c:pt idx="993">
                  <c:v>3969.5000000000018</c:v>
                </c:pt>
                <c:pt idx="994">
                  <c:v>4024.6000000000017</c:v>
                </c:pt>
                <c:pt idx="995">
                  <c:v>4026.4000000000019</c:v>
                </c:pt>
                <c:pt idx="996">
                  <c:v>4026.4000000000019</c:v>
                </c:pt>
                <c:pt idx="997">
                  <c:v>4032.300000000002</c:v>
                </c:pt>
                <c:pt idx="998">
                  <c:v>4032.300000000002</c:v>
                </c:pt>
                <c:pt idx="999">
                  <c:v>4032.300000000002</c:v>
                </c:pt>
                <c:pt idx="1000">
                  <c:v>4032.300000000002</c:v>
                </c:pt>
                <c:pt idx="1001">
                  <c:v>4032.300000000002</c:v>
                </c:pt>
                <c:pt idx="1002">
                  <c:v>4037.4000000000019</c:v>
                </c:pt>
                <c:pt idx="1003">
                  <c:v>4052.800000000002</c:v>
                </c:pt>
                <c:pt idx="1004">
                  <c:v>4061.5000000000018</c:v>
                </c:pt>
                <c:pt idx="1005">
                  <c:v>4070.7000000000016</c:v>
                </c:pt>
                <c:pt idx="1006">
                  <c:v>4070.7000000000016</c:v>
                </c:pt>
                <c:pt idx="1007">
                  <c:v>4070.7000000000016</c:v>
                </c:pt>
                <c:pt idx="1008">
                  <c:v>4072.4000000000015</c:v>
                </c:pt>
                <c:pt idx="1009">
                  <c:v>4074.0000000000014</c:v>
                </c:pt>
                <c:pt idx="1010">
                  <c:v>4074.0000000000014</c:v>
                </c:pt>
                <c:pt idx="1011">
                  <c:v>4076.4000000000015</c:v>
                </c:pt>
                <c:pt idx="1012">
                  <c:v>4076.5000000000014</c:v>
                </c:pt>
                <c:pt idx="1013">
                  <c:v>4076.5000000000014</c:v>
                </c:pt>
                <c:pt idx="1014">
                  <c:v>4076.5000000000014</c:v>
                </c:pt>
                <c:pt idx="1015">
                  <c:v>4076.5000000000014</c:v>
                </c:pt>
                <c:pt idx="1016">
                  <c:v>4088.9000000000015</c:v>
                </c:pt>
                <c:pt idx="1017">
                  <c:v>4104.7000000000016</c:v>
                </c:pt>
                <c:pt idx="1018">
                  <c:v>4105.6000000000013</c:v>
                </c:pt>
                <c:pt idx="1019">
                  <c:v>4105.7000000000016</c:v>
                </c:pt>
                <c:pt idx="1020">
                  <c:v>4105.7000000000016</c:v>
                </c:pt>
                <c:pt idx="1021">
                  <c:v>4105.7000000000016</c:v>
                </c:pt>
                <c:pt idx="1022">
                  <c:v>4118.0000000000018</c:v>
                </c:pt>
                <c:pt idx="1023">
                  <c:v>4118.5000000000018</c:v>
                </c:pt>
                <c:pt idx="1024">
                  <c:v>4135.0000000000018</c:v>
                </c:pt>
                <c:pt idx="1025">
                  <c:v>4139.2000000000016</c:v>
                </c:pt>
                <c:pt idx="1026">
                  <c:v>4141.5000000000018</c:v>
                </c:pt>
                <c:pt idx="1027">
                  <c:v>4141.5000000000018</c:v>
                </c:pt>
                <c:pt idx="1028">
                  <c:v>4141.5000000000018</c:v>
                </c:pt>
                <c:pt idx="1029">
                  <c:v>4141.9000000000015</c:v>
                </c:pt>
                <c:pt idx="1030">
                  <c:v>4198.0000000000018</c:v>
                </c:pt>
                <c:pt idx="1031">
                  <c:v>4201.5000000000018</c:v>
                </c:pt>
                <c:pt idx="1032">
                  <c:v>4201.5000000000018</c:v>
                </c:pt>
                <c:pt idx="1033">
                  <c:v>4201.5000000000018</c:v>
                </c:pt>
                <c:pt idx="1034">
                  <c:v>4201.5000000000018</c:v>
                </c:pt>
                <c:pt idx="1035">
                  <c:v>4201.5000000000018</c:v>
                </c:pt>
                <c:pt idx="1036">
                  <c:v>4201.5000000000018</c:v>
                </c:pt>
                <c:pt idx="1037">
                  <c:v>4201.5000000000018</c:v>
                </c:pt>
                <c:pt idx="1038">
                  <c:v>4205.300000000002</c:v>
                </c:pt>
                <c:pt idx="1039">
                  <c:v>4228.6000000000022</c:v>
                </c:pt>
                <c:pt idx="1040">
                  <c:v>4228.6000000000022</c:v>
                </c:pt>
                <c:pt idx="1041">
                  <c:v>4228.6000000000022</c:v>
                </c:pt>
                <c:pt idx="1042">
                  <c:v>4228.6000000000022</c:v>
                </c:pt>
                <c:pt idx="1043">
                  <c:v>4259.5000000000018</c:v>
                </c:pt>
                <c:pt idx="1044">
                  <c:v>4259.5000000000018</c:v>
                </c:pt>
                <c:pt idx="1045">
                  <c:v>4259.5000000000018</c:v>
                </c:pt>
                <c:pt idx="1046">
                  <c:v>4305.300000000002</c:v>
                </c:pt>
                <c:pt idx="1047">
                  <c:v>4305.7000000000016</c:v>
                </c:pt>
                <c:pt idx="1048">
                  <c:v>4306.1000000000013</c:v>
                </c:pt>
                <c:pt idx="1049">
                  <c:v>4306.1000000000013</c:v>
                </c:pt>
                <c:pt idx="1050">
                  <c:v>4320.5000000000009</c:v>
                </c:pt>
                <c:pt idx="1051">
                  <c:v>4320.5000000000009</c:v>
                </c:pt>
                <c:pt idx="1052">
                  <c:v>4332.9000000000005</c:v>
                </c:pt>
                <c:pt idx="1053">
                  <c:v>4346.5000000000009</c:v>
                </c:pt>
                <c:pt idx="1054">
                  <c:v>4346.5000000000009</c:v>
                </c:pt>
                <c:pt idx="1055">
                  <c:v>4346.5000000000009</c:v>
                </c:pt>
                <c:pt idx="1056">
                  <c:v>4346.5000000000009</c:v>
                </c:pt>
                <c:pt idx="1057">
                  <c:v>4380.3000000000011</c:v>
                </c:pt>
                <c:pt idx="1058">
                  <c:v>4383.3000000000011</c:v>
                </c:pt>
                <c:pt idx="1059">
                  <c:v>4405.4000000000015</c:v>
                </c:pt>
                <c:pt idx="1060">
                  <c:v>4405.6000000000013</c:v>
                </c:pt>
                <c:pt idx="1061">
                  <c:v>4408.7000000000016</c:v>
                </c:pt>
                <c:pt idx="1062">
                  <c:v>4408.7000000000016</c:v>
                </c:pt>
                <c:pt idx="1063">
                  <c:v>4408.7000000000016</c:v>
                </c:pt>
                <c:pt idx="1064">
                  <c:v>4414.0000000000018</c:v>
                </c:pt>
                <c:pt idx="1065">
                  <c:v>4414.0000000000018</c:v>
                </c:pt>
                <c:pt idx="1066">
                  <c:v>4418.1000000000022</c:v>
                </c:pt>
                <c:pt idx="1067">
                  <c:v>4434.5000000000018</c:v>
                </c:pt>
                <c:pt idx="1068">
                  <c:v>4447.300000000002</c:v>
                </c:pt>
                <c:pt idx="1069">
                  <c:v>4447.300000000002</c:v>
                </c:pt>
                <c:pt idx="1070">
                  <c:v>4447.300000000002</c:v>
                </c:pt>
                <c:pt idx="1071">
                  <c:v>4507.300000000002</c:v>
                </c:pt>
                <c:pt idx="1072">
                  <c:v>4507.300000000002</c:v>
                </c:pt>
                <c:pt idx="1073">
                  <c:v>4507.300000000002</c:v>
                </c:pt>
                <c:pt idx="1074">
                  <c:v>4507.300000000002</c:v>
                </c:pt>
                <c:pt idx="1075">
                  <c:v>4507.300000000002</c:v>
                </c:pt>
                <c:pt idx="1076">
                  <c:v>4507.300000000002</c:v>
                </c:pt>
                <c:pt idx="1077">
                  <c:v>4507.300000000002</c:v>
                </c:pt>
                <c:pt idx="1078">
                  <c:v>4511.1000000000022</c:v>
                </c:pt>
                <c:pt idx="1079">
                  <c:v>4536.2000000000025</c:v>
                </c:pt>
                <c:pt idx="1080">
                  <c:v>4536.2000000000025</c:v>
                </c:pt>
                <c:pt idx="1081">
                  <c:v>4536.2000000000025</c:v>
                </c:pt>
                <c:pt idx="1082">
                  <c:v>4541.8000000000029</c:v>
                </c:pt>
                <c:pt idx="1083">
                  <c:v>4541.8000000000029</c:v>
                </c:pt>
                <c:pt idx="1084">
                  <c:v>4541.8000000000029</c:v>
                </c:pt>
                <c:pt idx="1085">
                  <c:v>4541.8000000000029</c:v>
                </c:pt>
                <c:pt idx="1086">
                  <c:v>4541.8000000000029</c:v>
                </c:pt>
                <c:pt idx="1087">
                  <c:v>4541.8000000000029</c:v>
                </c:pt>
                <c:pt idx="1088">
                  <c:v>4543.3000000000029</c:v>
                </c:pt>
                <c:pt idx="1089">
                  <c:v>4543.3000000000029</c:v>
                </c:pt>
                <c:pt idx="1090">
                  <c:v>4543.3000000000029</c:v>
                </c:pt>
                <c:pt idx="1091">
                  <c:v>4543.3000000000029</c:v>
                </c:pt>
                <c:pt idx="1092">
                  <c:v>4543.3000000000029</c:v>
                </c:pt>
                <c:pt idx="1093">
                  <c:v>4543.6000000000031</c:v>
                </c:pt>
                <c:pt idx="1094">
                  <c:v>4543.8000000000029</c:v>
                </c:pt>
                <c:pt idx="1095">
                  <c:v>4543.8000000000029</c:v>
                </c:pt>
                <c:pt idx="1096">
                  <c:v>4543.8000000000029</c:v>
                </c:pt>
                <c:pt idx="1097">
                  <c:v>4543.8000000000029</c:v>
                </c:pt>
                <c:pt idx="1098">
                  <c:v>4543.8000000000029</c:v>
                </c:pt>
                <c:pt idx="1099">
                  <c:v>4543.8000000000029</c:v>
                </c:pt>
                <c:pt idx="1100">
                  <c:v>4545.0000000000027</c:v>
                </c:pt>
                <c:pt idx="1101">
                  <c:v>4553.7000000000025</c:v>
                </c:pt>
                <c:pt idx="1102">
                  <c:v>4557.7000000000025</c:v>
                </c:pt>
                <c:pt idx="1103">
                  <c:v>4560.0000000000027</c:v>
                </c:pt>
                <c:pt idx="1104">
                  <c:v>4560.0000000000027</c:v>
                </c:pt>
                <c:pt idx="1105">
                  <c:v>4560.0000000000027</c:v>
                </c:pt>
                <c:pt idx="1106">
                  <c:v>4562.2000000000025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34665168"/>
        <c:axId val="234665728"/>
      </c:lineChart>
      <c:lineChart>
        <c:grouping val="standard"/>
        <c:varyColors val="0"/>
        <c:ser>
          <c:idx val="0"/>
          <c:order val="0"/>
          <c:tx>
            <c:strRef>
              <c:f>Sheet1!$B$3</c:f>
              <c:strCache>
                <c:ptCount val="1"/>
                <c:pt idx="0">
                  <c:v>Dnevna količina padavin [mm]</c:v>
                </c:pt>
              </c:strCache>
            </c:strRef>
          </c:tx>
          <c:spPr>
            <a:ln w="158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4:$A$1110</c:f>
              <c:numCache>
                <c:formatCode>m/d/yyyy</c:formatCode>
                <c:ptCount val="1107"/>
                <c:pt idx="0">
                  <c:v>40826</c:v>
                </c:pt>
                <c:pt idx="1">
                  <c:v>40827</c:v>
                </c:pt>
                <c:pt idx="2">
                  <c:v>40828</c:v>
                </c:pt>
                <c:pt idx="3">
                  <c:v>40829</c:v>
                </c:pt>
                <c:pt idx="4">
                  <c:v>40830</c:v>
                </c:pt>
                <c:pt idx="5">
                  <c:v>40831</c:v>
                </c:pt>
                <c:pt idx="6">
                  <c:v>40832</c:v>
                </c:pt>
                <c:pt idx="7">
                  <c:v>40833</c:v>
                </c:pt>
                <c:pt idx="8">
                  <c:v>40834</c:v>
                </c:pt>
                <c:pt idx="9">
                  <c:v>40835</c:v>
                </c:pt>
                <c:pt idx="10">
                  <c:v>40836</c:v>
                </c:pt>
                <c:pt idx="11">
                  <c:v>40837</c:v>
                </c:pt>
                <c:pt idx="12">
                  <c:v>40838</c:v>
                </c:pt>
                <c:pt idx="13">
                  <c:v>40839</c:v>
                </c:pt>
                <c:pt idx="14">
                  <c:v>40840</c:v>
                </c:pt>
                <c:pt idx="15">
                  <c:v>40841</c:v>
                </c:pt>
                <c:pt idx="16">
                  <c:v>40842</c:v>
                </c:pt>
                <c:pt idx="17">
                  <c:v>40843</c:v>
                </c:pt>
                <c:pt idx="18">
                  <c:v>40844</c:v>
                </c:pt>
                <c:pt idx="19">
                  <c:v>40845</c:v>
                </c:pt>
                <c:pt idx="20">
                  <c:v>40846</c:v>
                </c:pt>
                <c:pt idx="21">
                  <c:v>40847</c:v>
                </c:pt>
                <c:pt idx="22">
                  <c:v>40848</c:v>
                </c:pt>
                <c:pt idx="23">
                  <c:v>40849</c:v>
                </c:pt>
                <c:pt idx="24">
                  <c:v>40850</c:v>
                </c:pt>
                <c:pt idx="25">
                  <c:v>40851</c:v>
                </c:pt>
                <c:pt idx="26">
                  <c:v>40852</c:v>
                </c:pt>
                <c:pt idx="27">
                  <c:v>40853</c:v>
                </c:pt>
                <c:pt idx="28">
                  <c:v>40854</c:v>
                </c:pt>
                <c:pt idx="29">
                  <c:v>40855</c:v>
                </c:pt>
                <c:pt idx="30">
                  <c:v>40856</c:v>
                </c:pt>
                <c:pt idx="31">
                  <c:v>40857</c:v>
                </c:pt>
                <c:pt idx="32">
                  <c:v>40858</c:v>
                </c:pt>
                <c:pt idx="33">
                  <c:v>40859</c:v>
                </c:pt>
                <c:pt idx="34">
                  <c:v>40860</c:v>
                </c:pt>
                <c:pt idx="35">
                  <c:v>40861</c:v>
                </c:pt>
                <c:pt idx="36">
                  <c:v>40862</c:v>
                </c:pt>
                <c:pt idx="37">
                  <c:v>40863</c:v>
                </c:pt>
                <c:pt idx="38">
                  <c:v>40864</c:v>
                </c:pt>
                <c:pt idx="39">
                  <c:v>40865</c:v>
                </c:pt>
                <c:pt idx="40">
                  <c:v>40866</c:v>
                </c:pt>
                <c:pt idx="41">
                  <c:v>40867</c:v>
                </c:pt>
                <c:pt idx="42">
                  <c:v>40868</c:v>
                </c:pt>
                <c:pt idx="43">
                  <c:v>40869</c:v>
                </c:pt>
                <c:pt idx="44">
                  <c:v>40870</c:v>
                </c:pt>
                <c:pt idx="45">
                  <c:v>40871</c:v>
                </c:pt>
                <c:pt idx="46">
                  <c:v>40872</c:v>
                </c:pt>
                <c:pt idx="47">
                  <c:v>40873</c:v>
                </c:pt>
                <c:pt idx="48">
                  <c:v>40874</c:v>
                </c:pt>
                <c:pt idx="49">
                  <c:v>40875</c:v>
                </c:pt>
                <c:pt idx="50">
                  <c:v>40876</c:v>
                </c:pt>
                <c:pt idx="51">
                  <c:v>40877</c:v>
                </c:pt>
                <c:pt idx="52">
                  <c:v>40878</c:v>
                </c:pt>
                <c:pt idx="53">
                  <c:v>40879</c:v>
                </c:pt>
                <c:pt idx="54">
                  <c:v>40880</c:v>
                </c:pt>
                <c:pt idx="55">
                  <c:v>40881</c:v>
                </c:pt>
                <c:pt idx="56">
                  <c:v>40882</c:v>
                </c:pt>
                <c:pt idx="57">
                  <c:v>40883</c:v>
                </c:pt>
                <c:pt idx="58">
                  <c:v>40884</c:v>
                </c:pt>
                <c:pt idx="59">
                  <c:v>40885</c:v>
                </c:pt>
                <c:pt idx="60">
                  <c:v>40886</c:v>
                </c:pt>
                <c:pt idx="61">
                  <c:v>40887</c:v>
                </c:pt>
                <c:pt idx="62">
                  <c:v>40888</c:v>
                </c:pt>
                <c:pt idx="63">
                  <c:v>40889</c:v>
                </c:pt>
                <c:pt idx="64">
                  <c:v>40890</c:v>
                </c:pt>
                <c:pt idx="65">
                  <c:v>40891</c:v>
                </c:pt>
                <c:pt idx="66">
                  <c:v>40892</c:v>
                </c:pt>
                <c:pt idx="67">
                  <c:v>40893</c:v>
                </c:pt>
                <c:pt idx="68">
                  <c:v>40894</c:v>
                </c:pt>
                <c:pt idx="69">
                  <c:v>40895</c:v>
                </c:pt>
                <c:pt idx="70">
                  <c:v>40896</c:v>
                </c:pt>
                <c:pt idx="71">
                  <c:v>40897</c:v>
                </c:pt>
                <c:pt idx="72">
                  <c:v>40898</c:v>
                </c:pt>
                <c:pt idx="73">
                  <c:v>40899</c:v>
                </c:pt>
                <c:pt idx="74">
                  <c:v>40900</c:v>
                </c:pt>
                <c:pt idx="75">
                  <c:v>40901</c:v>
                </c:pt>
                <c:pt idx="76">
                  <c:v>40902</c:v>
                </c:pt>
                <c:pt idx="77">
                  <c:v>40903</c:v>
                </c:pt>
                <c:pt idx="78">
                  <c:v>40904</c:v>
                </c:pt>
                <c:pt idx="79">
                  <c:v>40905</c:v>
                </c:pt>
                <c:pt idx="80">
                  <c:v>40906</c:v>
                </c:pt>
                <c:pt idx="81">
                  <c:v>40907</c:v>
                </c:pt>
                <c:pt idx="82">
                  <c:v>40908</c:v>
                </c:pt>
                <c:pt idx="83">
                  <c:v>40909</c:v>
                </c:pt>
                <c:pt idx="84">
                  <c:v>40910</c:v>
                </c:pt>
                <c:pt idx="85">
                  <c:v>40911</c:v>
                </c:pt>
                <c:pt idx="86">
                  <c:v>40912</c:v>
                </c:pt>
                <c:pt idx="87">
                  <c:v>40913</c:v>
                </c:pt>
                <c:pt idx="88">
                  <c:v>40914</c:v>
                </c:pt>
                <c:pt idx="89">
                  <c:v>40915</c:v>
                </c:pt>
                <c:pt idx="90">
                  <c:v>40916</c:v>
                </c:pt>
                <c:pt idx="91">
                  <c:v>40917</c:v>
                </c:pt>
                <c:pt idx="92">
                  <c:v>40918</c:v>
                </c:pt>
                <c:pt idx="93">
                  <c:v>40919</c:v>
                </c:pt>
                <c:pt idx="94">
                  <c:v>40920</c:v>
                </c:pt>
                <c:pt idx="95">
                  <c:v>40921</c:v>
                </c:pt>
                <c:pt idx="96">
                  <c:v>40922</c:v>
                </c:pt>
                <c:pt idx="97">
                  <c:v>40923</c:v>
                </c:pt>
                <c:pt idx="98">
                  <c:v>40924</c:v>
                </c:pt>
                <c:pt idx="99">
                  <c:v>40925</c:v>
                </c:pt>
                <c:pt idx="100">
                  <c:v>40926</c:v>
                </c:pt>
                <c:pt idx="101">
                  <c:v>40927</c:v>
                </c:pt>
                <c:pt idx="102">
                  <c:v>40928</c:v>
                </c:pt>
                <c:pt idx="103">
                  <c:v>40929</c:v>
                </c:pt>
                <c:pt idx="104">
                  <c:v>40930</c:v>
                </c:pt>
                <c:pt idx="105">
                  <c:v>40931</c:v>
                </c:pt>
                <c:pt idx="106">
                  <c:v>40932</c:v>
                </c:pt>
                <c:pt idx="107">
                  <c:v>40933</c:v>
                </c:pt>
                <c:pt idx="108">
                  <c:v>40934</c:v>
                </c:pt>
                <c:pt idx="109">
                  <c:v>40935</c:v>
                </c:pt>
                <c:pt idx="110">
                  <c:v>40936</c:v>
                </c:pt>
                <c:pt idx="111">
                  <c:v>40937</c:v>
                </c:pt>
                <c:pt idx="112">
                  <c:v>40938</c:v>
                </c:pt>
                <c:pt idx="113">
                  <c:v>40939</c:v>
                </c:pt>
                <c:pt idx="114">
                  <c:v>40940</c:v>
                </c:pt>
                <c:pt idx="115">
                  <c:v>40941</c:v>
                </c:pt>
                <c:pt idx="116">
                  <c:v>40942</c:v>
                </c:pt>
                <c:pt idx="117">
                  <c:v>40943</c:v>
                </c:pt>
                <c:pt idx="118">
                  <c:v>40944</c:v>
                </c:pt>
                <c:pt idx="119">
                  <c:v>40945</c:v>
                </c:pt>
                <c:pt idx="120">
                  <c:v>40946</c:v>
                </c:pt>
                <c:pt idx="121">
                  <c:v>40947</c:v>
                </c:pt>
                <c:pt idx="122">
                  <c:v>40948</c:v>
                </c:pt>
                <c:pt idx="123">
                  <c:v>40949</c:v>
                </c:pt>
                <c:pt idx="124">
                  <c:v>40950</c:v>
                </c:pt>
                <c:pt idx="125">
                  <c:v>40951</c:v>
                </c:pt>
                <c:pt idx="126">
                  <c:v>40952</c:v>
                </c:pt>
                <c:pt idx="127">
                  <c:v>40953</c:v>
                </c:pt>
                <c:pt idx="128">
                  <c:v>40954</c:v>
                </c:pt>
                <c:pt idx="129">
                  <c:v>40955</c:v>
                </c:pt>
                <c:pt idx="130">
                  <c:v>40956</c:v>
                </c:pt>
                <c:pt idx="131">
                  <c:v>40957</c:v>
                </c:pt>
                <c:pt idx="132">
                  <c:v>40958</c:v>
                </c:pt>
                <c:pt idx="133">
                  <c:v>40959</c:v>
                </c:pt>
                <c:pt idx="134">
                  <c:v>40960</c:v>
                </c:pt>
                <c:pt idx="135">
                  <c:v>40961</c:v>
                </c:pt>
                <c:pt idx="136">
                  <c:v>40962</c:v>
                </c:pt>
                <c:pt idx="137">
                  <c:v>40963</c:v>
                </c:pt>
                <c:pt idx="138">
                  <c:v>40964</c:v>
                </c:pt>
                <c:pt idx="139">
                  <c:v>40965</c:v>
                </c:pt>
                <c:pt idx="140">
                  <c:v>40966</c:v>
                </c:pt>
                <c:pt idx="141">
                  <c:v>40967</c:v>
                </c:pt>
                <c:pt idx="142">
                  <c:v>40968</c:v>
                </c:pt>
                <c:pt idx="143">
                  <c:v>40969</c:v>
                </c:pt>
                <c:pt idx="144">
                  <c:v>40970</c:v>
                </c:pt>
                <c:pt idx="145">
                  <c:v>40971</c:v>
                </c:pt>
                <c:pt idx="146">
                  <c:v>40972</c:v>
                </c:pt>
                <c:pt idx="147">
                  <c:v>40973</c:v>
                </c:pt>
                <c:pt idx="148">
                  <c:v>40974</c:v>
                </c:pt>
                <c:pt idx="149">
                  <c:v>40975</c:v>
                </c:pt>
                <c:pt idx="150">
                  <c:v>40976</c:v>
                </c:pt>
                <c:pt idx="151">
                  <c:v>40977</c:v>
                </c:pt>
                <c:pt idx="152">
                  <c:v>40978</c:v>
                </c:pt>
                <c:pt idx="153">
                  <c:v>40979</c:v>
                </c:pt>
                <c:pt idx="154">
                  <c:v>40980</c:v>
                </c:pt>
                <c:pt idx="155">
                  <c:v>40981</c:v>
                </c:pt>
                <c:pt idx="156">
                  <c:v>40982</c:v>
                </c:pt>
                <c:pt idx="157">
                  <c:v>40983</c:v>
                </c:pt>
                <c:pt idx="158">
                  <c:v>40984</c:v>
                </c:pt>
                <c:pt idx="159">
                  <c:v>40985</c:v>
                </c:pt>
                <c:pt idx="160">
                  <c:v>40986</c:v>
                </c:pt>
                <c:pt idx="161">
                  <c:v>40987</c:v>
                </c:pt>
                <c:pt idx="162">
                  <c:v>40988</c:v>
                </c:pt>
                <c:pt idx="163">
                  <c:v>40989</c:v>
                </c:pt>
                <c:pt idx="164">
                  <c:v>40990</c:v>
                </c:pt>
                <c:pt idx="165">
                  <c:v>40991</c:v>
                </c:pt>
                <c:pt idx="166">
                  <c:v>40992</c:v>
                </c:pt>
                <c:pt idx="167">
                  <c:v>40993</c:v>
                </c:pt>
                <c:pt idx="168">
                  <c:v>40994</c:v>
                </c:pt>
                <c:pt idx="169">
                  <c:v>40995</c:v>
                </c:pt>
                <c:pt idx="170">
                  <c:v>40996</c:v>
                </c:pt>
                <c:pt idx="171">
                  <c:v>40997</c:v>
                </c:pt>
                <c:pt idx="172">
                  <c:v>40998</c:v>
                </c:pt>
                <c:pt idx="173">
                  <c:v>40999</c:v>
                </c:pt>
                <c:pt idx="174">
                  <c:v>41000</c:v>
                </c:pt>
                <c:pt idx="175">
                  <c:v>41001</c:v>
                </c:pt>
                <c:pt idx="176">
                  <c:v>41002</c:v>
                </c:pt>
                <c:pt idx="177">
                  <c:v>41003</c:v>
                </c:pt>
                <c:pt idx="178">
                  <c:v>41004</c:v>
                </c:pt>
                <c:pt idx="179">
                  <c:v>41005</c:v>
                </c:pt>
                <c:pt idx="180">
                  <c:v>41006</c:v>
                </c:pt>
                <c:pt idx="181">
                  <c:v>41007</c:v>
                </c:pt>
                <c:pt idx="182">
                  <c:v>41008</c:v>
                </c:pt>
                <c:pt idx="183">
                  <c:v>41009</c:v>
                </c:pt>
                <c:pt idx="184">
                  <c:v>41010</c:v>
                </c:pt>
                <c:pt idx="185">
                  <c:v>41011</c:v>
                </c:pt>
                <c:pt idx="186">
                  <c:v>41012</c:v>
                </c:pt>
                <c:pt idx="187">
                  <c:v>41013</c:v>
                </c:pt>
                <c:pt idx="188">
                  <c:v>41014</c:v>
                </c:pt>
                <c:pt idx="189">
                  <c:v>41015</c:v>
                </c:pt>
                <c:pt idx="190">
                  <c:v>41016</c:v>
                </c:pt>
                <c:pt idx="191">
                  <c:v>41017</c:v>
                </c:pt>
                <c:pt idx="192">
                  <c:v>41018</c:v>
                </c:pt>
                <c:pt idx="193">
                  <c:v>41019</c:v>
                </c:pt>
                <c:pt idx="194">
                  <c:v>41020</c:v>
                </c:pt>
                <c:pt idx="195">
                  <c:v>41021</c:v>
                </c:pt>
                <c:pt idx="196">
                  <c:v>41022</c:v>
                </c:pt>
                <c:pt idx="197">
                  <c:v>41023</c:v>
                </c:pt>
                <c:pt idx="198">
                  <c:v>41024</c:v>
                </c:pt>
                <c:pt idx="199">
                  <c:v>41025</c:v>
                </c:pt>
                <c:pt idx="200">
                  <c:v>41026</c:v>
                </c:pt>
                <c:pt idx="201">
                  <c:v>41027</c:v>
                </c:pt>
                <c:pt idx="202">
                  <c:v>41028</c:v>
                </c:pt>
                <c:pt idx="203">
                  <c:v>41029</c:v>
                </c:pt>
                <c:pt idx="204">
                  <c:v>41030</c:v>
                </c:pt>
                <c:pt idx="205">
                  <c:v>41031</c:v>
                </c:pt>
                <c:pt idx="206">
                  <c:v>41032</c:v>
                </c:pt>
                <c:pt idx="207">
                  <c:v>41033</c:v>
                </c:pt>
                <c:pt idx="208">
                  <c:v>41034</c:v>
                </c:pt>
                <c:pt idx="209">
                  <c:v>41035</c:v>
                </c:pt>
                <c:pt idx="210">
                  <c:v>41036</c:v>
                </c:pt>
                <c:pt idx="211">
                  <c:v>41037</c:v>
                </c:pt>
                <c:pt idx="212">
                  <c:v>41038</c:v>
                </c:pt>
                <c:pt idx="213">
                  <c:v>41039</c:v>
                </c:pt>
                <c:pt idx="214">
                  <c:v>41040</c:v>
                </c:pt>
                <c:pt idx="215">
                  <c:v>41041</c:v>
                </c:pt>
                <c:pt idx="216">
                  <c:v>41042</c:v>
                </c:pt>
                <c:pt idx="217">
                  <c:v>41043</c:v>
                </c:pt>
                <c:pt idx="218">
                  <c:v>41044</c:v>
                </c:pt>
                <c:pt idx="219">
                  <c:v>41045</c:v>
                </c:pt>
                <c:pt idx="220">
                  <c:v>41046</c:v>
                </c:pt>
                <c:pt idx="221">
                  <c:v>41047</c:v>
                </c:pt>
                <c:pt idx="222">
                  <c:v>41048</c:v>
                </c:pt>
                <c:pt idx="223">
                  <c:v>41049</c:v>
                </c:pt>
                <c:pt idx="224">
                  <c:v>41050</c:v>
                </c:pt>
                <c:pt idx="225">
                  <c:v>41051</c:v>
                </c:pt>
                <c:pt idx="226">
                  <c:v>41052</c:v>
                </c:pt>
                <c:pt idx="227">
                  <c:v>41053</c:v>
                </c:pt>
                <c:pt idx="228">
                  <c:v>41054</c:v>
                </c:pt>
                <c:pt idx="229">
                  <c:v>41055</c:v>
                </c:pt>
                <c:pt idx="230">
                  <c:v>41056</c:v>
                </c:pt>
                <c:pt idx="231">
                  <c:v>41057</c:v>
                </c:pt>
                <c:pt idx="232">
                  <c:v>41058</c:v>
                </c:pt>
                <c:pt idx="233">
                  <c:v>41059</c:v>
                </c:pt>
                <c:pt idx="234">
                  <c:v>41060</c:v>
                </c:pt>
                <c:pt idx="235">
                  <c:v>41061</c:v>
                </c:pt>
                <c:pt idx="236">
                  <c:v>41062</c:v>
                </c:pt>
                <c:pt idx="237">
                  <c:v>41063</c:v>
                </c:pt>
                <c:pt idx="238">
                  <c:v>41064</c:v>
                </c:pt>
                <c:pt idx="239">
                  <c:v>41065</c:v>
                </c:pt>
                <c:pt idx="240">
                  <c:v>41066</c:v>
                </c:pt>
                <c:pt idx="241">
                  <c:v>41067</c:v>
                </c:pt>
                <c:pt idx="242">
                  <c:v>41068</c:v>
                </c:pt>
                <c:pt idx="243">
                  <c:v>41069</c:v>
                </c:pt>
                <c:pt idx="244">
                  <c:v>41070</c:v>
                </c:pt>
                <c:pt idx="245">
                  <c:v>41071</c:v>
                </c:pt>
                <c:pt idx="246">
                  <c:v>41072</c:v>
                </c:pt>
                <c:pt idx="247">
                  <c:v>41073</c:v>
                </c:pt>
                <c:pt idx="248">
                  <c:v>41074</c:v>
                </c:pt>
                <c:pt idx="249">
                  <c:v>41075</c:v>
                </c:pt>
                <c:pt idx="250">
                  <c:v>41076</c:v>
                </c:pt>
                <c:pt idx="251">
                  <c:v>41077</c:v>
                </c:pt>
                <c:pt idx="252">
                  <c:v>41078</c:v>
                </c:pt>
                <c:pt idx="253">
                  <c:v>41079</c:v>
                </c:pt>
                <c:pt idx="254">
                  <c:v>41080</c:v>
                </c:pt>
                <c:pt idx="255">
                  <c:v>41081</c:v>
                </c:pt>
                <c:pt idx="256">
                  <c:v>41082</c:v>
                </c:pt>
                <c:pt idx="257">
                  <c:v>41083</c:v>
                </c:pt>
                <c:pt idx="258">
                  <c:v>41084</c:v>
                </c:pt>
                <c:pt idx="259">
                  <c:v>41085</c:v>
                </c:pt>
                <c:pt idx="260">
                  <c:v>41086</c:v>
                </c:pt>
                <c:pt idx="261">
                  <c:v>41087</c:v>
                </c:pt>
                <c:pt idx="262">
                  <c:v>41088</c:v>
                </c:pt>
                <c:pt idx="263">
                  <c:v>41089</c:v>
                </c:pt>
                <c:pt idx="264">
                  <c:v>41090</c:v>
                </c:pt>
                <c:pt idx="265">
                  <c:v>41091</c:v>
                </c:pt>
                <c:pt idx="266">
                  <c:v>41092</c:v>
                </c:pt>
                <c:pt idx="267">
                  <c:v>41093</c:v>
                </c:pt>
                <c:pt idx="268">
                  <c:v>41094</c:v>
                </c:pt>
                <c:pt idx="269">
                  <c:v>41095</c:v>
                </c:pt>
                <c:pt idx="270">
                  <c:v>41096</c:v>
                </c:pt>
                <c:pt idx="271">
                  <c:v>41097</c:v>
                </c:pt>
                <c:pt idx="272">
                  <c:v>41098</c:v>
                </c:pt>
                <c:pt idx="273">
                  <c:v>41099</c:v>
                </c:pt>
                <c:pt idx="274">
                  <c:v>41100</c:v>
                </c:pt>
                <c:pt idx="275">
                  <c:v>41101</c:v>
                </c:pt>
                <c:pt idx="276">
                  <c:v>41102</c:v>
                </c:pt>
                <c:pt idx="277">
                  <c:v>41103</c:v>
                </c:pt>
                <c:pt idx="278">
                  <c:v>41104</c:v>
                </c:pt>
                <c:pt idx="279">
                  <c:v>41105</c:v>
                </c:pt>
                <c:pt idx="280">
                  <c:v>41106</c:v>
                </c:pt>
                <c:pt idx="281">
                  <c:v>41107</c:v>
                </c:pt>
                <c:pt idx="282">
                  <c:v>41108</c:v>
                </c:pt>
                <c:pt idx="283">
                  <c:v>41109</c:v>
                </c:pt>
                <c:pt idx="284">
                  <c:v>41110</c:v>
                </c:pt>
                <c:pt idx="285">
                  <c:v>41111</c:v>
                </c:pt>
                <c:pt idx="286">
                  <c:v>41112</c:v>
                </c:pt>
                <c:pt idx="287">
                  <c:v>41113</c:v>
                </c:pt>
                <c:pt idx="288">
                  <c:v>41114</c:v>
                </c:pt>
                <c:pt idx="289">
                  <c:v>41115</c:v>
                </c:pt>
                <c:pt idx="290">
                  <c:v>41116</c:v>
                </c:pt>
                <c:pt idx="291">
                  <c:v>41117</c:v>
                </c:pt>
                <c:pt idx="292">
                  <c:v>41118</c:v>
                </c:pt>
                <c:pt idx="293">
                  <c:v>41119</c:v>
                </c:pt>
                <c:pt idx="294">
                  <c:v>41120</c:v>
                </c:pt>
                <c:pt idx="295">
                  <c:v>41121</c:v>
                </c:pt>
                <c:pt idx="296">
                  <c:v>41122</c:v>
                </c:pt>
                <c:pt idx="297">
                  <c:v>41123</c:v>
                </c:pt>
                <c:pt idx="298">
                  <c:v>41124</c:v>
                </c:pt>
                <c:pt idx="299">
                  <c:v>41125</c:v>
                </c:pt>
                <c:pt idx="300">
                  <c:v>41126</c:v>
                </c:pt>
                <c:pt idx="301">
                  <c:v>41127</c:v>
                </c:pt>
                <c:pt idx="302">
                  <c:v>41128</c:v>
                </c:pt>
                <c:pt idx="303">
                  <c:v>41129</c:v>
                </c:pt>
                <c:pt idx="304">
                  <c:v>41130</c:v>
                </c:pt>
                <c:pt idx="305">
                  <c:v>41131</c:v>
                </c:pt>
                <c:pt idx="306">
                  <c:v>41132</c:v>
                </c:pt>
                <c:pt idx="307">
                  <c:v>41133</c:v>
                </c:pt>
                <c:pt idx="308">
                  <c:v>41134</c:v>
                </c:pt>
                <c:pt idx="309">
                  <c:v>41135</c:v>
                </c:pt>
                <c:pt idx="310">
                  <c:v>41136</c:v>
                </c:pt>
                <c:pt idx="311">
                  <c:v>41137</c:v>
                </c:pt>
                <c:pt idx="312">
                  <c:v>41138</c:v>
                </c:pt>
                <c:pt idx="313">
                  <c:v>41139</c:v>
                </c:pt>
                <c:pt idx="314">
                  <c:v>41140</c:v>
                </c:pt>
                <c:pt idx="315">
                  <c:v>41141</c:v>
                </c:pt>
                <c:pt idx="316">
                  <c:v>41142</c:v>
                </c:pt>
                <c:pt idx="317">
                  <c:v>41143</c:v>
                </c:pt>
                <c:pt idx="318">
                  <c:v>41144</c:v>
                </c:pt>
                <c:pt idx="319">
                  <c:v>41145</c:v>
                </c:pt>
                <c:pt idx="320">
                  <c:v>41146</c:v>
                </c:pt>
                <c:pt idx="321">
                  <c:v>41147</c:v>
                </c:pt>
                <c:pt idx="322">
                  <c:v>41148</c:v>
                </c:pt>
                <c:pt idx="323">
                  <c:v>41149</c:v>
                </c:pt>
                <c:pt idx="324">
                  <c:v>41150</c:v>
                </c:pt>
                <c:pt idx="325">
                  <c:v>41151</c:v>
                </c:pt>
                <c:pt idx="326">
                  <c:v>41152</c:v>
                </c:pt>
                <c:pt idx="327">
                  <c:v>41153</c:v>
                </c:pt>
                <c:pt idx="328">
                  <c:v>41154</c:v>
                </c:pt>
                <c:pt idx="329">
                  <c:v>41155</c:v>
                </c:pt>
                <c:pt idx="330">
                  <c:v>41156</c:v>
                </c:pt>
                <c:pt idx="331">
                  <c:v>41157</c:v>
                </c:pt>
                <c:pt idx="332">
                  <c:v>41158</c:v>
                </c:pt>
                <c:pt idx="333">
                  <c:v>41159</c:v>
                </c:pt>
                <c:pt idx="334">
                  <c:v>41160</c:v>
                </c:pt>
                <c:pt idx="335">
                  <c:v>41161</c:v>
                </c:pt>
                <c:pt idx="336">
                  <c:v>41162</c:v>
                </c:pt>
                <c:pt idx="337">
                  <c:v>41163</c:v>
                </c:pt>
                <c:pt idx="338">
                  <c:v>41164</c:v>
                </c:pt>
                <c:pt idx="339">
                  <c:v>41165</c:v>
                </c:pt>
                <c:pt idx="340">
                  <c:v>41166</c:v>
                </c:pt>
                <c:pt idx="341">
                  <c:v>41167</c:v>
                </c:pt>
                <c:pt idx="342">
                  <c:v>41168</c:v>
                </c:pt>
                <c:pt idx="343">
                  <c:v>41169</c:v>
                </c:pt>
                <c:pt idx="344">
                  <c:v>41170</c:v>
                </c:pt>
                <c:pt idx="345">
                  <c:v>41171</c:v>
                </c:pt>
                <c:pt idx="346">
                  <c:v>41172</c:v>
                </c:pt>
                <c:pt idx="347">
                  <c:v>41173</c:v>
                </c:pt>
                <c:pt idx="348">
                  <c:v>41174</c:v>
                </c:pt>
                <c:pt idx="349">
                  <c:v>41175</c:v>
                </c:pt>
                <c:pt idx="350">
                  <c:v>41176</c:v>
                </c:pt>
                <c:pt idx="351">
                  <c:v>41177</c:v>
                </c:pt>
                <c:pt idx="352">
                  <c:v>41178</c:v>
                </c:pt>
                <c:pt idx="353">
                  <c:v>41179</c:v>
                </c:pt>
                <c:pt idx="354">
                  <c:v>41180</c:v>
                </c:pt>
                <c:pt idx="355">
                  <c:v>41181</c:v>
                </c:pt>
                <c:pt idx="356">
                  <c:v>41182</c:v>
                </c:pt>
                <c:pt idx="357">
                  <c:v>41183</c:v>
                </c:pt>
                <c:pt idx="358">
                  <c:v>41184</c:v>
                </c:pt>
                <c:pt idx="359">
                  <c:v>41185</c:v>
                </c:pt>
                <c:pt idx="360">
                  <c:v>41186</c:v>
                </c:pt>
                <c:pt idx="361">
                  <c:v>41187</c:v>
                </c:pt>
                <c:pt idx="362">
                  <c:v>41188</c:v>
                </c:pt>
                <c:pt idx="363">
                  <c:v>41189</c:v>
                </c:pt>
                <c:pt idx="364">
                  <c:v>41190</c:v>
                </c:pt>
                <c:pt idx="365">
                  <c:v>41191</c:v>
                </c:pt>
                <c:pt idx="366">
                  <c:v>41192</c:v>
                </c:pt>
                <c:pt idx="367">
                  <c:v>41193</c:v>
                </c:pt>
                <c:pt idx="368">
                  <c:v>41194</c:v>
                </c:pt>
                <c:pt idx="369">
                  <c:v>41195</c:v>
                </c:pt>
                <c:pt idx="370">
                  <c:v>41196</c:v>
                </c:pt>
                <c:pt idx="371">
                  <c:v>41197</c:v>
                </c:pt>
                <c:pt idx="372">
                  <c:v>41198</c:v>
                </c:pt>
                <c:pt idx="373">
                  <c:v>41199</c:v>
                </c:pt>
                <c:pt idx="374">
                  <c:v>41200</c:v>
                </c:pt>
                <c:pt idx="375">
                  <c:v>41201</c:v>
                </c:pt>
                <c:pt idx="376">
                  <c:v>41202</c:v>
                </c:pt>
                <c:pt idx="377">
                  <c:v>41203</c:v>
                </c:pt>
                <c:pt idx="378">
                  <c:v>41204</c:v>
                </c:pt>
                <c:pt idx="379">
                  <c:v>41205</c:v>
                </c:pt>
                <c:pt idx="380">
                  <c:v>41206</c:v>
                </c:pt>
                <c:pt idx="381">
                  <c:v>41207</c:v>
                </c:pt>
                <c:pt idx="382">
                  <c:v>41208</c:v>
                </c:pt>
                <c:pt idx="383">
                  <c:v>41209</c:v>
                </c:pt>
                <c:pt idx="384">
                  <c:v>41210</c:v>
                </c:pt>
                <c:pt idx="385">
                  <c:v>41211</c:v>
                </c:pt>
                <c:pt idx="386">
                  <c:v>41212</c:v>
                </c:pt>
                <c:pt idx="387">
                  <c:v>41213</c:v>
                </c:pt>
                <c:pt idx="388">
                  <c:v>41214</c:v>
                </c:pt>
                <c:pt idx="389">
                  <c:v>41215</c:v>
                </c:pt>
                <c:pt idx="390">
                  <c:v>41216</c:v>
                </c:pt>
                <c:pt idx="391">
                  <c:v>41217</c:v>
                </c:pt>
                <c:pt idx="392">
                  <c:v>41218</c:v>
                </c:pt>
                <c:pt idx="393">
                  <c:v>41219</c:v>
                </c:pt>
                <c:pt idx="394">
                  <c:v>41220</c:v>
                </c:pt>
                <c:pt idx="395">
                  <c:v>41221</c:v>
                </c:pt>
                <c:pt idx="396">
                  <c:v>41222</c:v>
                </c:pt>
                <c:pt idx="397">
                  <c:v>41223</c:v>
                </c:pt>
                <c:pt idx="398">
                  <c:v>41224</c:v>
                </c:pt>
                <c:pt idx="399">
                  <c:v>41225</c:v>
                </c:pt>
                <c:pt idx="400">
                  <c:v>41226</c:v>
                </c:pt>
                <c:pt idx="401">
                  <c:v>41227</c:v>
                </c:pt>
                <c:pt idx="402">
                  <c:v>41228</c:v>
                </c:pt>
                <c:pt idx="403">
                  <c:v>41229</c:v>
                </c:pt>
                <c:pt idx="404">
                  <c:v>41230</c:v>
                </c:pt>
                <c:pt idx="405">
                  <c:v>41231</c:v>
                </c:pt>
                <c:pt idx="406">
                  <c:v>41232</c:v>
                </c:pt>
                <c:pt idx="407">
                  <c:v>41233</c:v>
                </c:pt>
                <c:pt idx="408">
                  <c:v>41234</c:v>
                </c:pt>
                <c:pt idx="409">
                  <c:v>41235</c:v>
                </c:pt>
                <c:pt idx="410">
                  <c:v>41236</c:v>
                </c:pt>
                <c:pt idx="411">
                  <c:v>41237</c:v>
                </c:pt>
                <c:pt idx="412">
                  <c:v>41238</c:v>
                </c:pt>
                <c:pt idx="413">
                  <c:v>41239</c:v>
                </c:pt>
                <c:pt idx="414">
                  <c:v>41240</c:v>
                </c:pt>
                <c:pt idx="415">
                  <c:v>41241</c:v>
                </c:pt>
                <c:pt idx="416">
                  <c:v>41242</c:v>
                </c:pt>
                <c:pt idx="417">
                  <c:v>41243</c:v>
                </c:pt>
                <c:pt idx="418">
                  <c:v>41244</c:v>
                </c:pt>
                <c:pt idx="419">
                  <c:v>41245</c:v>
                </c:pt>
                <c:pt idx="420">
                  <c:v>41246</c:v>
                </c:pt>
                <c:pt idx="421">
                  <c:v>41247</c:v>
                </c:pt>
                <c:pt idx="422">
                  <c:v>41248</c:v>
                </c:pt>
                <c:pt idx="423">
                  <c:v>41249</c:v>
                </c:pt>
                <c:pt idx="424">
                  <c:v>41250</c:v>
                </c:pt>
                <c:pt idx="425">
                  <c:v>41251</c:v>
                </c:pt>
                <c:pt idx="426">
                  <c:v>41252</c:v>
                </c:pt>
                <c:pt idx="427">
                  <c:v>41253</c:v>
                </c:pt>
                <c:pt idx="428">
                  <c:v>41254</c:v>
                </c:pt>
                <c:pt idx="429">
                  <c:v>41255</c:v>
                </c:pt>
                <c:pt idx="430">
                  <c:v>41256</c:v>
                </c:pt>
                <c:pt idx="431">
                  <c:v>41257</c:v>
                </c:pt>
                <c:pt idx="432">
                  <c:v>41258</c:v>
                </c:pt>
                <c:pt idx="433">
                  <c:v>41259</c:v>
                </c:pt>
                <c:pt idx="434">
                  <c:v>41260</c:v>
                </c:pt>
                <c:pt idx="435">
                  <c:v>41261</c:v>
                </c:pt>
                <c:pt idx="436">
                  <c:v>41262</c:v>
                </c:pt>
                <c:pt idx="437">
                  <c:v>41263</c:v>
                </c:pt>
                <c:pt idx="438">
                  <c:v>41264</c:v>
                </c:pt>
                <c:pt idx="439">
                  <c:v>41265</c:v>
                </c:pt>
                <c:pt idx="440">
                  <c:v>41266</c:v>
                </c:pt>
                <c:pt idx="441">
                  <c:v>41267</c:v>
                </c:pt>
                <c:pt idx="442">
                  <c:v>41268</c:v>
                </c:pt>
                <c:pt idx="443">
                  <c:v>41269</c:v>
                </c:pt>
                <c:pt idx="444">
                  <c:v>41270</c:v>
                </c:pt>
                <c:pt idx="445">
                  <c:v>41271</c:v>
                </c:pt>
                <c:pt idx="446">
                  <c:v>41272</c:v>
                </c:pt>
                <c:pt idx="447">
                  <c:v>41273</c:v>
                </c:pt>
                <c:pt idx="448">
                  <c:v>41274</c:v>
                </c:pt>
                <c:pt idx="449">
                  <c:v>41275</c:v>
                </c:pt>
                <c:pt idx="450">
                  <c:v>41276</c:v>
                </c:pt>
                <c:pt idx="451">
                  <c:v>41277</c:v>
                </c:pt>
                <c:pt idx="452">
                  <c:v>41278</c:v>
                </c:pt>
                <c:pt idx="453">
                  <c:v>41279</c:v>
                </c:pt>
                <c:pt idx="454">
                  <c:v>41280</c:v>
                </c:pt>
                <c:pt idx="455">
                  <c:v>41281</c:v>
                </c:pt>
                <c:pt idx="456">
                  <c:v>41282</c:v>
                </c:pt>
                <c:pt idx="457">
                  <c:v>41283</c:v>
                </c:pt>
                <c:pt idx="458">
                  <c:v>41284</c:v>
                </c:pt>
                <c:pt idx="459">
                  <c:v>41285</c:v>
                </c:pt>
                <c:pt idx="460">
                  <c:v>41286</c:v>
                </c:pt>
                <c:pt idx="461">
                  <c:v>41287</c:v>
                </c:pt>
                <c:pt idx="462">
                  <c:v>41288</c:v>
                </c:pt>
                <c:pt idx="463">
                  <c:v>41289</c:v>
                </c:pt>
                <c:pt idx="464">
                  <c:v>41290</c:v>
                </c:pt>
                <c:pt idx="465">
                  <c:v>41291</c:v>
                </c:pt>
                <c:pt idx="466">
                  <c:v>41292</c:v>
                </c:pt>
                <c:pt idx="467">
                  <c:v>41293</c:v>
                </c:pt>
                <c:pt idx="468">
                  <c:v>41294</c:v>
                </c:pt>
                <c:pt idx="469">
                  <c:v>41295</c:v>
                </c:pt>
                <c:pt idx="470">
                  <c:v>41296</c:v>
                </c:pt>
                <c:pt idx="471">
                  <c:v>41297</c:v>
                </c:pt>
                <c:pt idx="472">
                  <c:v>41298</c:v>
                </c:pt>
                <c:pt idx="473">
                  <c:v>41299</c:v>
                </c:pt>
                <c:pt idx="474">
                  <c:v>41300</c:v>
                </c:pt>
                <c:pt idx="475">
                  <c:v>41301</c:v>
                </c:pt>
                <c:pt idx="476">
                  <c:v>41302</c:v>
                </c:pt>
                <c:pt idx="477">
                  <c:v>41303</c:v>
                </c:pt>
                <c:pt idx="478">
                  <c:v>41304</c:v>
                </c:pt>
                <c:pt idx="479">
                  <c:v>41305</c:v>
                </c:pt>
                <c:pt idx="480">
                  <c:v>41306</c:v>
                </c:pt>
                <c:pt idx="481">
                  <c:v>41307</c:v>
                </c:pt>
                <c:pt idx="482">
                  <c:v>41308</c:v>
                </c:pt>
                <c:pt idx="483">
                  <c:v>41309</c:v>
                </c:pt>
                <c:pt idx="484">
                  <c:v>41310</c:v>
                </c:pt>
                <c:pt idx="485">
                  <c:v>41311</c:v>
                </c:pt>
                <c:pt idx="486">
                  <c:v>41312</c:v>
                </c:pt>
                <c:pt idx="487">
                  <c:v>41313</c:v>
                </c:pt>
                <c:pt idx="488">
                  <c:v>41314</c:v>
                </c:pt>
                <c:pt idx="489">
                  <c:v>41315</c:v>
                </c:pt>
                <c:pt idx="490">
                  <c:v>41316</c:v>
                </c:pt>
                <c:pt idx="491">
                  <c:v>41317</c:v>
                </c:pt>
                <c:pt idx="492">
                  <c:v>41318</c:v>
                </c:pt>
                <c:pt idx="493">
                  <c:v>41319</c:v>
                </c:pt>
                <c:pt idx="494">
                  <c:v>41320</c:v>
                </c:pt>
                <c:pt idx="495">
                  <c:v>41321</c:v>
                </c:pt>
                <c:pt idx="496">
                  <c:v>41322</c:v>
                </c:pt>
                <c:pt idx="497">
                  <c:v>41323</c:v>
                </c:pt>
                <c:pt idx="498">
                  <c:v>41324</c:v>
                </c:pt>
                <c:pt idx="499">
                  <c:v>41325</c:v>
                </c:pt>
                <c:pt idx="500">
                  <c:v>41326</c:v>
                </c:pt>
                <c:pt idx="501">
                  <c:v>41327</c:v>
                </c:pt>
                <c:pt idx="502">
                  <c:v>41328</c:v>
                </c:pt>
                <c:pt idx="503">
                  <c:v>41329</c:v>
                </c:pt>
                <c:pt idx="504">
                  <c:v>41330</c:v>
                </c:pt>
                <c:pt idx="505">
                  <c:v>41331</c:v>
                </c:pt>
                <c:pt idx="506">
                  <c:v>41332</c:v>
                </c:pt>
                <c:pt idx="507">
                  <c:v>41333</c:v>
                </c:pt>
                <c:pt idx="508">
                  <c:v>41334</c:v>
                </c:pt>
                <c:pt idx="509">
                  <c:v>41335</c:v>
                </c:pt>
                <c:pt idx="510">
                  <c:v>41336</c:v>
                </c:pt>
                <c:pt idx="511">
                  <c:v>41337</c:v>
                </c:pt>
                <c:pt idx="512">
                  <c:v>41338</c:v>
                </c:pt>
                <c:pt idx="513">
                  <c:v>41339</c:v>
                </c:pt>
                <c:pt idx="514">
                  <c:v>41340</c:v>
                </c:pt>
                <c:pt idx="515">
                  <c:v>41341</c:v>
                </c:pt>
                <c:pt idx="516">
                  <c:v>41342</c:v>
                </c:pt>
                <c:pt idx="517">
                  <c:v>41343</c:v>
                </c:pt>
                <c:pt idx="518">
                  <c:v>41344</c:v>
                </c:pt>
                <c:pt idx="519">
                  <c:v>41345</c:v>
                </c:pt>
                <c:pt idx="520">
                  <c:v>41346</c:v>
                </c:pt>
                <c:pt idx="521">
                  <c:v>41347</c:v>
                </c:pt>
                <c:pt idx="522">
                  <c:v>41348</c:v>
                </c:pt>
                <c:pt idx="523">
                  <c:v>41349</c:v>
                </c:pt>
                <c:pt idx="524">
                  <c:v>41350</c:v>
                </c:pt>
                <c:pt idx="525">
                  <c:v>41351</c:v>
                </c:pt>
                <c:pt idx="526">
                  <c:v>41352</c:v>
                </c:pt>
                <c:pt idx="527">
                  <c:v>41353</c:v>
                </c:pt>
                <c:pt idx="528">
                  <c:v>41354</c:v>
                </c:pt>
                <c:pt idx="529">
                  <c:v>41355</c:v>
                </c:pt>
                <c:pt idx="530">
                  <c:v>41356</c:v>
                </c:pt>
                <c:pt idx="531">
                  <c:v>41357</c:v>
                </c:pt>
                <c:pt idx="532">
                  <c:v>41358</c:v>
                </c:pt>
                <c:pt idx="533">
                  <c:v>41359</c:v>
                </c:pt>
                <c:pt idx="534">
                  <c:v>41360</c:v>
                </c:pt>
                <c:pt idx="535">
                  <c:v>41361</c:v>
                </c:pt>
                <c:pt idx="536">
                  <c:v>41362</c:v>
                </c:pt>
                <c:pt idx="537">
                  <c:v>41363</c:v>
                </c:pt>
                <c:pt idx="538">
                  <c:v>41364</c:v>
                </c:pt>
                <c:pt idx="539">
                  <c:v>41365</c:v>
                </c:pt>
                <c:pt idx="540">
                  <c:v>41366</c:v>
                </c:pt>
                <c:pt idx="541">
                  <c:v>41367</c:v>
                </c:pt>
                <c:pt idx="542">
                  <c:v>41368</c:v>
                </c:pt>
                <c:pt idx="543">
                  <c:v>41369</c:v>
                </c:pt>
                <c:pt idx="544">
                  <c:v>41370</c:v>
                </c:pt>
                <c:pt idx="545">
                  <c:v>41371</c:v>
                </c:pt>
                <c:pt idx="546">
                  <c:v>41372</c:v>
                </c:pt>
                <c:pt idx="547">
                  <c:v>41373</c:v>
                </c:pt>
                <c:pt idx="548">
                  <c:v>41374</c:v>
                </c:pt>
                <c:pt idx="549">
                  <c:v>41375</c:v>
                </c:pt>
                <c:pt idx="550">
                  <c:v>41376</c:v>
                </c:pt>
                <c:pt idx="551">
                  <c:v>41377</c:v>
                </c:pt>
                <c:pt idx="552">
                  <c:v>41378</c:v>
                </c:pt>
                <c:pt idx="553">
                  <c:v>41379</c:v>
                </c:pt>
                <c:pt idx="554">
                  <c:v>41380</c:v>
                </c:pt>
                <c:pt idx="555">
                  <c:v>41381</c:v>
                </c:pt>
                <c:pt idx="556">
                  <c:v>41382</c:v>
                </c:pt>
                <c:pt idx="557">
                  <c:v>41383</c:v>
                </c:pt>
                <c:pt idx="558">
                  <c:v>41384</c:v>
                </c:pt>
                <c:pt idx="559">
                  <c:v>41385</c:v>
                </c:pt>
                <c:pt idx="560">
                  <c:v>41386</c:v>
                </c:pt>
                <c:pt idx="561">
                  <c:v>41387</c:v>
                </c:pt>
                <c:pt idx="562">
                  <c:v>41388</c:v>
                </c:pt>
                <c:pt idx="563">
                  <c:v>41389</c:v>
                </c:pt>
                <c:pt idx="564">
                  <c:v>41390</c:v>
                </c:pt>
                <c:pt idx="565">
                  <c:v>41391</c:v>
                </c:pt>
                <c:pt idx="566">
                  <c:v>41392</c:v>
                </c:pt>
                <c:pt idx="567">
                  <c:v>41393</c:v>
                </c:pt>
                <c:pt idx="568">
                  <c:v>41394</c:v>
                </c:pt>
                <c:pt idx="569">
                  <c:v>41395</c:v>
                </c:pt>
                <c:pt idx="570">
                  <c:v>41396</c:v>
                </c:pt>
                <c:pt idx="571">
                  <c:v>41397</c:v>
                </c:pt>
                <c:pt idx="572">
                  <c:v>41398</c:v>
                </c:pt>
                <c:pt idx="573">
                  <c:v>41399</c:v>
                </c:pt>
                <c:pt idx="574">
                  <c:v>41400</c:v>
                </c:pt>
                <c:pt idx="575">
                  <c:v>41401</c:v>
                </c:pt>
                <c:pt idx="576">
                  <c:v>41402</c:v>
                </c:pt>
                <c:pt idx="577">
                  <c:v>41403</c:v>
                </c:pt>
                <c:pt idx="578">
                  <c:v>41404</c:v>
                </c:pt>
                <c:pt idx="579">
                  <c:v>41405</c:v>
                </c:pt>
                <c:pt idx="580">
                  <c:v>41406</c:v>
                </c:pt>
                <c:pt idx="581">
                  <c:v>41407</c:v>
                </c:pt>
                <c:pt idx="582">
                  <c:v>41408</c:v>
                </c:pt>
                <c:pt idx="583">
                  <c:v>41409</c:v>
                </c:pt>
                <c:pt idx="584">
                  <c:v>41410</c:v>
                </c:pt>
                <c:pt idx="585">
                  <c:v>41411</c:v>
                </c:pt>
                <c:pt idx="586">
                  <c:v>41412</c:v>
                </c:pt>
                <c:pt idx="587">
                  <c:v>41413</c:v>
                </c:pt>
                <c:pt idx="588">
                  <c:v>41414</c:v>
                </c:pt>
                <c:pt idx="589">
                  <c:v>41415</c:v>
                </c:pt>
                <c:pt idx="590">
                  <c:v>41416</c:v>
                </c:pt>
                <c:pt idx="591">
                  <c:v>41417</c:v>
                </c:pt>
                <c:pt idx="592">
                  <c:v>41418</c:v>
                </c:pt>
                <c:pt idx="593">
                  <c:v>41419</c:v>
                </c:pt>
                <c:pt idx="594">
                  <c:v>41420</c:v>
                </c:pt>
                <c:pt idx="595">
                  <c:v>41421</c:v>
                </c:pt>
                <c:pt idx="596">
                  <c:v>41422</c:v>
                </c:pt>
                <c:pt idx="597">
                  <c:v>41423</c:v>
                </c:pt>
                <c:pt idx="598">
                  <c:v>41424</c:v>
                </c:pt>
                <c:pt idx="599">
                  <c:v>41425</c:v>
                </c:pt>
                <c:pt idx="600">
                  <c:v>41426</c:v>
                </c:pt>
                <c:pt idx="601">
                  <c:v>41427</c:v>
                </c:pt>
                <c:pt idx="602">
                  <c:v>41428</c:v>
                </c:pt>
                <c:pt idx="603">
                  <c:v>41429</c:v>
                </c:pt>
                <c:pt idx="604">
                  <c:v>41430</c:v>
                </c:pt>
                <c:pt idx="605">
                  <c:v>41431</c:v>
                </c:pt>
                <c:pt idx="606">
                  <c:v>41432</c:v>
                </c:pt>
                <c:pt idx="607">
                  <c:v>41433</c:v>
                </c:pt>
                <c:pt idx="608">
                  <c:v>41434</c:v>
                </c:pt>
                <c:pt idx="609">
                  <c:v>41435</c:v>
                </c:pt>
                <c:pt idx="610">
                  <c:v>41436</c:v>
                </c:pt>
                <c:pt idx="611">
                  <c:v>41437</c:v>
                </c:pt>
                <c:pt idx="612">
                  <c:v>41438</c:v>
                </c:pt>
                <c:pt idx="613">
                  <c:v>41439</c:v>
                </c:pt>
                <c:pt idx="614">
                  <c:v>41440</c:v>
                </c:pt>
                <c:pt idx="615">
                  <c:v>41441</c:v>
                </c:pt>
                <c:pt idx="616">
                  <c:v>41442</c:v>
                </c:pt>
                <c:pt idx="617">
                  <c:v>41443</c:v>
                </c:pt>
                <c:pt idx="618">
                  <c:v>41444</c:v>
                </c:pt>
                <c:pt idx="619">
                  <c:v>41445</c:v>
                </c:pt>
                <c:pt idx="620">
                  <c:v>41446</c:v>
                </c:pt>
                <c:pt idx="621">
                  <c:v>41447</c:v>
                </c:pt>
                <c:pt idx="622">
                  <c:v>41448</c:v>
                </c:pt>
                <c:pt idx="623">
                  <c:v>41449</c:v>
                </c:pt>
                <c:pt idx="624">
                  <c:v>41450</c:v>
                </c:pt>
                <c:pt idx="625">
                  <c:v>41451</c:v>
                </c:pt>
                <c:pt idx="626">
                  <c:v>41452</c:v>
                </c:pt>
                <c:pt idx="627">
                  <c:v>41453</c:v>
                </c:pt>
                <c:pt idx="628">
                  <c:v>41454</c:v>
                </c:pt>
                <c:pt idx="629">
                  <c:v>41455</c:v>
                </c:pt>
                <c:pt idx="630">
                  <c:v>41456</c:v>
                </c:pt>
                <c:pt idx="631">
                  <c:v>41457</c:v>
                </c:pt>
                <c:pt idx="632">
                  <c:v>41458</c:v>
                </c:pt>
                <c:pt idx="633">
                  <c:v>41459</c:v>
                </c:pt>
                <c:pt idx="634">
                  <c:v>41460</c:v>
                </c:pt>
                <c:pt idx="635">
                  <c:v>41461</c:v>
                </c:pt>
                <c:pt idx="636">
                  <c:v>41462</c:v>
                </c:pt>
                <c:pt idx="637">
                  <c:v>41463</c:v>
                </c:pt>
                <c:pt idx="638">
                  <c:v>41464</c:v>
                </c:pt>
                <c:pt idx="639">
                  <c:v>41465</c:v>
                </c:pt>
                <c:pt idx="640">
                  <c:v>41466</c:v>
                </c:pt>
                <c:pt idx="641">
                  <c:v>41467</c:v>
                </c:pt>
                <c:pt idx="642">
                  <c:v>41468</c:v>
                </c:pt>
                <c:pt idx="643">
                  <c:v>41469</c:v>
                </c:pt>
                <c:pt idx="644">
                  <c:v>41470</c:v>
                </c:pt>
                <c:pt idx="645">
                  <c:v>41471</c:v>
                </c:pt>
                <c:pt idx="646">
                  <c:v>41472</c:v>
                </c:pt>
                <c:pt idx="647">
                  <c:v>41473</c:v>
                </c:pt>
                <c:pt idx="648">
                  <c:v>41474</c:v>
                </c:pt>
                <c:pt idx="649">
                  <c:v>41475</c:v>
                </c:pt>
                <c:pt idx="650">
                  <c:v>41476</c:v>
                </c:pt>
                <c:pt idx="651">
                  <c:v>41477</c:v>
                </c:pt>
                <c:pt idx="652">
                  <c:v>41478</c:v>
                </c:pt>
                <c:pt idx="653">
                  <c:v>41479</c:v>
                </c:pt>
                <c:pt idx="654">
                  <c:v>41480</c:v>
                </c:pt>
                <c:pt idx="655">
                  <c:v>41481</c:v>
                </c:pt>
                <c:pt idx="656">
                  <c:v>41482</c:v>
                </c:pt>
                <c:pt idx="657">
                  <c:v>41483</c:v>
                </c:pt>
                <c:pt idx="658">
                  <c:v>41484</c:v>
                </c:pt>
                <c:pt idx="659">
                  <c:v>41485</c:v>
                </c:pt>
                <c:pt idx="660">
                  <c:v>41486</c:v>
                </c:pt>
                <c:pt idx="661">
                  <c:v>41487</c:v>
                </c:pt>
                <c:pt idx="662">
                  <c:v>41488</c:v>
                </c:pt>
                <c:pt idx="663">
                  <c:v>41489</c:v>
                </c:pt>
                <c:pt idx="664">
                  <c:v>41490</c:v>
                </c:pt>
                <c:pt idx="665">
                  <c:v>41491</c:v>
                </c:pt>
                <c:pt idx="666">
                  <c:v>41492</c:v>
                </c:pt>
                <c:pt idx="667">
                  <c:v>41493</c:v>
                </c:pt>
                <c:pt idx="668">
                  <c:v>41494</c:v>
                </c:pt>
                <c:pt idx="669">
                  <c:v>41495</c:v>
                </c:pt>
                <c:pt idx="670">
                  <c:v>41496</c:v>
                </c:pt>
                <c:pt idx="671">
                  <c:v>41497</c:v>
                </c:pt>
                <c:pt idx="672">
                  <c:v>41498</c:v>
                </c:pt>
                <c:pt idx="673">
                  <c:v>41499</c:v>
                </c:pt>
                <c:pt idx="674">
                  <c:v>41500</c:v>
                </c:pt>
                <c:pt idx="675">
                  <c:v>41501</c:v>
                </c:pt>
                <c:pt idx="676">
                  <c:v>41502</c:v>
                </c:pt>
                <c:pt idx="677">
                  <c:v>41503</c:v>
                </c:pt>
                <c:pt idx="678">
                  <c:v>41504</c:v>
                </c:pt>
                <c:pt idx="679">
                  <c:v>41505</c:v>
                </c:pt>
                <c:pt idx="680">
                  <c:v>41506</c:v>
                </c:pt>
                <c:pt idx="681">
                  <c:v>41507</c:v>
                </c:pt>
                <c:pt idx="682">
                  <c:v>41508</c:v>
                </c:pt>
                <c:pt idx="683">
                  <c:v>41509</c:v>
                </c:pt>
                <c:pt idx="684">
                  <c:v>41510</c:v>
                </c:pt>
                <c:pt idx="685">
                  <c:v>41511</c:v>
                </c:pt>
                <c:pt idx="686">
                  <c:v>41512</c:v>
                </c:pt>
                <c:pt idx="687">
                  <c:v>41513</c:v>
                </c:pt>
                <c:pt idx="688">
                  <c:v>41514</c:v>
                </c:pt>
                <c:pt idx="689">
                  <c:v>41515</c:v>
                </c:pt>
                <c:pt idx="690">
                  <c:v>41516</c:v>
                </c:pt>
                <c:pt idx="691">
                  <c:v>41517</c:v>
                </c:pt>
                <c:pt idx="692">
                  <c:v>41518</c:v>
                </c:pt>
                <c:pt idx="693">
                  <c:v>41519</c:v>
                </c:pt>
                <c:pt idx="694">
                  <c:v>41520</c:v>
                </c:pt>
                <c:pt idx="695">
                  <c:v>41521</c:v>
                </c:pt>
                <c:pt idx="696">
                  <c:v>41522</c:v>
                </c:pt>
                <c:pt idx="697">
                  <c:v>41523</c:v>
                </c:pt>
                <c:pt idx="698">
                  <c:v>41524</c:v>
                </c:pt>
                <c:pt idx="699">
                  <c:v>41525</c:v>
                </c:pt>
                <c:pt idx="700">
                  <c:v>41526</c:v>
                </c:pt>
                <c:pt idx="701">
                  <c:v>41527</c:v>
                </c:pt>
                <c:pt idx="702">
                  <c:v>41528</c:v>
                </c:pt>
                <c:pt idx="703">
                  <c:v>41529</c:v>
                </c:pt>
                <c:pt idx="704">
                  <c:v>41530</c:v>
                </c:pt>
                <c:pt idx="705">
                  <c:v>41531</c:v>
                </c:pt>
                <c:pt idx="706">
                  <c:v>41532</c:v>
                </c:pt>
                <c:pt idx="707">
                  <c:v>41533</c:v>
                </c:pt>
                <c:pt idx="708">
                  <c:v>41534</c:v>
                </c:pt>
                <c:pt idx="709">
                  <c:v>41535</c:v>
                </c:pt>
                <c:pt idx="710">
                  <c:v>41536</c:v>
                </c:pt>
                <c:pt idx="711">
                  <c:v>41537</c:v>
                </c:pt>
                <c:pt idx="712">
                  <c:v>41538</c:v>
                </c:pt>
                <c:pt idx="713">
                  <c:v>41539</c:v>
                </c:pt>
                <c:pt idx="714">
                  <c:v>41540</c:v>
                </c:pt>
                <c:pt idx="715">
                  <c:v>41541</c:v>
                </c:pt>
                <c:pt idx="716">
                  <c:v>41542</c:v>
                </c:pt>
                <c:pt idx="717">
                  <c:v>41543</c:v>
                </c:pt>
                <c:pt idx="718">
                  <c:v>41544</c:v>
                </c:pt>
                <c:pt idx="719">
                  <c:v>41545</c:v>
                </c:pt>
                <c:pt idx="720">
                  <c:v>41546</c:v>
                </c:pt>
                <c:pt idx="721">
                  <c:v>41547</c:v>
                </c:pt>
                <c:pt idx="722">
                  <c:v>41548</c:v>
                </c:pt>
                <c:pt idx="723">
                  <c:v>41549</c:v>
                </c:pt>
                <c:pt idx="724">
                  <c:v>41550</c:v>
                </c:pt>
                <c:pt idx="725">
                  <c:v>41551</c:v>
                </c:pt>
                <c:pt idx="726">
                  <c:v>41552</c:v>
                </c:pt>
                <c:pt idx="727">
                  <c:v>41553</c:v>
                </c:pt>
                <c:pt idx="728">
                  <c:v>41554</c:v>
                </c:pt>
                <c:pt idx="729">
                  <c:v>41555</c:v>
                </c:pt>
                <c:pt idx="730">
                  <c:v>41556</c:v>
                </c:pt>
                <c:pt idx="731">
                  <c:v>41557</c:v>
                </c:pt>
                <c:pt idx="732">
                  <c:v>41558</c:v>
                </c:pt>
                <c:pt idx="733">
                  <c:v>41559</c:v>
                </c:pt>
                <c:pt idx="734">
                  <c:v>41560</c:v>
                </c:pt>
                <c:pt idx="735">
                  <c:v>41561</c:v>
                </c:pt>
                <c:pt idx="736">
                  <c:v>41562</c:v>
                </c:pt>
                <c:pt idx="737">
                  <c:v>41563</c:v>
                </c:pt>
                <c:pt idx="738">
                  <c:v>41564</c:v>
                </c:pt>
                <c:pt idx="739">
                  <c:v>41565</c:v>
                </c:pt>
                <c:pt idx="740">
                  <c:v>41566</c:v>
                </c:pt>
                <c:pt idx="741">
                  <c:v>41567</c:v>
                </c:pt>
                <c:pt idx="742">
                  <c:v>41568</c:v>
                </c:pt>
                <c:pt idx="743">
                  <c:v>41569</c:v>
                </c:pt>
                <c:pt idx="744">
                  <c:v>41570</c:v>
                </c:pt>
                <c:pt idx="745">
                  <c:v>41571</c:v>
                </c:pt>
                <c:pt idx="746">
                  <c:v>41572</c:v>
                </c:pt>
                <c:pt idx="747">
                  <c:v>41573</c:v>
                </c:pt>
                <c:pt idx="748">
                  <c:v>41574</c:v>
                </c:pt>
                <c:pt idx="749">
                  <c:v>41575</c:v>
                </c:pt>
                <c:pt idx="750">
                  <c:v>41576</c:v>
                </c:pt>
                <c:pt idx="751">
                  <c:v>41577</c:v>
                </c:pt>
                <c:pt idx="752">
                  <c:v>41578</c:v>
                </c:pt>
                <c:pt idx="753">
                  <c:v>41579</c:v>
                </c:pt>
                <c:pt idx="754">
                  <c:v>41580</c:v>
                </c:pt>
                <c:pt idx="755">
                  <c:v>41581</c:v>
                </c:pt>
                <c:pt idx="756">
                  <c:v>41582</c:v>
                </c:pt>
                <c:pt idx="757">
                  <c:v>41583</c:v>
                </c:pt>
                <c:pt idx="758">
                  <c:v>41584</c:v>
                </c:pt>
                <c:pt idx="759">
                  <c:v>41585</c:v>
                </c:pt>
                <c:pt idx="760">
                  <c:v>41586</c:v>
                </c:pt>
                <c:pt idx="761">
                  <c:v>41587</c:v>
                </c:pt>
                <c:pt idx="762">
                  <c:v>41588</c:v>
                </c:pt>
                <c:pt idx="763">
                  <c:v>41589</c:v>
                </c:pt>
                <c:pt idx="764">
                  <c:v>41590</c:v>
                </c:pt>
                <c:pt idx="765">
                  <c:v>41591</c:v>
                </c:pt>
                <c:pt idx="766">
                  <c:v>41592</c:v>
                </c:pt>
                <c:pt idx="767">
                  <c:v>41593</c:v>
                </c:pt>
                <c:pt idx="768">
                  <c:v>41594</c:v>
                </c:pt>
                <c:pt idx="769">
                  <c:v>41595</c:v>
                </c:pt>
                <c:pt idx="770">
                  <c:v>41596</c:v>
                </c:pt>
                <c:pt idx="771">
                  <c:v>41597</c:v>
                </c:pt>
                <c:pt idx="772">
                  <c:v>41598</c:v>
                </c:pt>
                <c:pt idx="773">
                  <c:v>41599</c:v>
                </c:pt>
                <c:pt idx="774">
                  <c:v>41600</c:v>
                </c:pt>
                <c:pt idx="775">
                  <c:v>41601</c:v>
                </c:pt>
                <c:pt idx="776">
                  <c:v>41602</c:v>
                </c:pt>
                <c:pt idx="777">
                  <c:v>41603</c:v>
                </c:pt>
                <c:pt idx="778">
                  <c:v>41604</c:v>
                </c:pt>
                <c:pt idx="779">
                  <c:v>41605</c:v>
                </c:pt>
                <c:pt idx="780">
                  <c:v>41606</c:v>
                </c:pt>
                <c:pt idx="781">
                  <c:v>41607</c:v>
                </c:pt>
                <c:pt idx="782">
                  <c:v>41608</c:v>
                </c:pt>
                <c:pt idx="783">
                  <c:v>41609</c:v>
                </c:pt>
                <c:pt idx="784">
                  <c:v>41610</c:v>
                </c:pt>
                <c:pt idx="785">
                  <c:v>41611</c:v>
                </c:pt>
                <c:pt idx="786">
                  <c:v>41612</c:v>
                </c:pt>
                <c:pt idx="787">
                  <c:v>41613</c:v>
                </c:pt>
                <c:pt idx="788">
                  <c:v>41614</c:v>
                </c:pt>
                <c:pt idx="789">
                  <c:v>41615</c:v>
                </c:pt>
                <c:pt idx="790">
                  <c:v>41616</c:v>
                </c:pt>
                <c:pt idx="791">
                  <c:v>41617</c:v>
                </c:pt>
                <c:pt idx="792">
                  <c:v>41618</c:v>
                </c:pt>
                <c:pt idx="793">
                  <c:v>41619</c:v>
                </c:pt>
                <c:pt idx="794">
                  <c:v>41620</c:v>
                </c:pt>
                <c:pt idx="795">
                  <c:v>41621</c:v>
                </c:pt>
                <c:pt idx="796">
                  <c:v>41622</c:v>
                </c:pt>
                <c:pt idx="797">
                  <c:v>41623</c:v>
                </c:pt>
                <c:pt idx="798">
                  <c:v>41624</c:v>
                </c:pt>
                <c:pt idx="799">
                  <c:v>41625</c:v>
                </c:pt>
                <c:pt idx="800">
                  <c:v>41626</c:v>
                </c:pt>
                <c:pt idx="801">
                  <c:v>41627</c:v>
                </c:pt>
                <c:pt idx="802">
                  <c:v>41628</c:v>
                </c:pt>
                <c:pt idx="803">
                  <c:v>41629</c:v>
                </c:pt>
                <c:pt idx="804">
                  <c:v>41630</c:v>
                </c:pt>
                <c:pt idx="805">
                  <c:v>41631</c:v>
                </c:pt>
                <c:pt idx="806">
                  <c:v>41632</c:v>
                </c:pt>
                <c:pt idx="807">
                  <c:v>41633</c:v>
                </c:pt>
                <c:pt idx="808">
                  <c:v>41634</c:v>
                </c:pt>
                <c:pt idx="809">
                  <c:v>41635</c:v>
                </c:pt>
                <c:pt idx="810">
                  <c:v>41636</c:v>
                </c:pt>
                <c:pt idx="811">
                  <c:v>41637</c:v>
                </c:pt>
                <c:pt idx="812">
                  <c:v>41638</c:v>
                </c:pt>
                <c:pt idx="813">
                  <c:v>41639</c:v>
                </c:pt>
                <c:pt idx="814">
                  <c:v>41640</c:v>
                </c:pt>
                <c:pt idx="815">
                  <c:v>41641</c:v>
                </c:pt>
                <c:pt idx="816">
                  <c:v>41642</c:v>
                </c:pt>
                <c:pt idx="817">
                  <c:v>41643</c:v>
                </c:pt>
                <c:pt idx="818">
                  <c:v>41644</c:v>
                </c:pt>
                <c:pt idx="819">
                  <c:v>41645</c:v>
                </c:pt>
                <c:pt idx="820">
                  <c:v>41646</c:v>
                </c:pt>
                <c:pt idx="821">
                  <c:v>41647</c:v>
                </c:pt>
                <c:pt idx="822">
                  <c:v>41648</c:v>
                </c:pt>
                <c:pt idx="823">
                  <c:v>41649</c:v>
                </c:pt>
                <c:pt idx="824">
                  <c:v>41650</c:v>
                </c:pt>
                <c:pt idx="825">
                  <c:v>41651</c:v>
                </c:pt>
                <c:pt idx="826">
                  <c:v>41652</c:v>
                </c:pt>
                <c:pt idx="827">
                  <c:v>41653</c:v>
                </c:pt>
                <c:pt idx="828">
                  <c:v>41654</c:v>
                </c:pt>
                <c:pt idx="829">
                  <c:v>41655</c:v>
                </c:pt>
                <c:pt idx="830">
                  <c:v>41656</c:v>
                </c:pt>
                <c:pt idx="831">
                  <c:v>41657</c:v>
                </c:pt>
                <c:pt idx="832">
                  <c:v>41658</c:v>
                </c:pt>
                <c:pt idx="833">
                  <c:v>41659</c:v>
                </c:pt>
                <c:pt idx="834">
                  <c:v>41660</c:v>
                </c:pt>
                <c:pt idx="835">
                  <c:v>41661</c:v>
                </c:pt>
                <c:pt idx="836">
                  <c:v>41662</c:v>
                </c:pt>
                <c:pt idx="837">
                  <c:v>41663</c:v>
                </c:pt>
                <c:pt idx="838">
                  <c:v>41664</c:v>
                </c:pt>
                <c:pt idx="839">
                  <c:v>41665</c:v>
                </c:pt>
                <c:pt idx="840">
                  <c:v>41666</c:v>
                </c:pt>
                <c:pt idx="841">
                  <c:v>41667</c:v>
                </c:pt>
                <c:pt idx="842">
                  <c:v>41668</c:v>
                </c:pt>
                <c:pt idx="843">
                  <c:v>41669</c:v>
                </c:pt>
                <c:pt idx="844">
                  <c:v>41670</c:v>
                </c:pt>
                <c:pt idx="845">
                  <c:v>41671</c:v>
                </c:pt>
                <c:pt idx="846">
                  <c:v>41672</c:v>
                </c:pt>
                <c:pt idx="847">
                  <c:v>41673</c:v>
                </c:pt>
                <c:pt idx="848">
                  <c:v>41674</c:v>
                </c:pt>
                <c:pt idx="849">
                  <c:v>41675</c:v>
                </c:pt>
                <c:pt idx="850">
                  <c:v>41676</c:v>
                </c:pt>
                <c:pt idx="851">
                  <c:v>41677</c:v>
                </c:pt>
                <c:pt idx="852">
                  <c:v>41678</c:v>
                </c:pt>
                <c:pt idx="853">
                  <c:v>41679</c:v>
                </c:pt>
                <c:pt idx="854">
                  <c:v>41680</c:v>
                </c:pt>
                <c:pt idx="855">
                  <c:v>41681</c:v>
                </c:pt>
                <c:pt idx="856">
                  <c:v>41682</c:v>
                </c:pt>
                <c:pt idx="857">
                  <c:v>41683</c:v>
                </c:pt>
                <c:pt idx="858">
                  <c:v>41684</c:v>
                </c:pt>
                <c:pt idx="859">
                  <c:v>41685</c:v>
                </c:pt>
                <c:pt idx="860">
                  <c:v>41686</c:v>
                </c:pt>
                <c:pt idx="861">
                  <c:v>41687</c:v>
                </c:pt>
                <c:pt idx="862">
                  <c:v>41688</c:v>
                </c:pt>
                <c:pt idx="863">
                  <c:v>41689</c:v>
                </c:pt>
                <c:pt idx="864">
                  <c:v>41690</c:v>
                </c:pt>
                <c:pt idx="865">
                  <c:v>41691</c:v>
                </c:pt>
                <c:pt idx="866">
                  <c:v>41692</c:v>
                </c:pt>
                <c:pt idx="867">
                  <c:v>41693</c:v>
                </c:pt>
                <c:pt idx="868">
                  <c:v>41694</c:v>
                </c:pt>
                <c:pt idx="869">
                  <c:v>41695</c:v>
                </c:pt>
                <c:pt idx="870">
                  <c:v>41696</c:v>
                </c:pt>
                <c:pt idx="871">
                  <c:v>41697</c:v>
                </c:pt>
                <c:pt idx="872">
                  <c:v>41698</c:v>
                </c:pt>
                <c:pt idx="873">
                  <c:v>41699</c:v>
                </c:pt>
                <c:pt idx="874">
                  <c:v>41700</c:v>
                </c:pt>
                <c:pt idx="875">
                  <c:v>41701</c:v>
                </c:pt>
                <c:pt idx="876">
                  <c:v>41702</c:v>
                </c:pt>
                <c:pt idx="877">
                  <c:v>41703</c:v>
                </c:pt>
                <c:pt idx="878">
                  <c:v>41704</c:v>
                </c:pt>
                <c:pt idx="879">
                  <c:v>41705</c:v>
                </c:pt>
                <c:pt idx="880">
                  <c:v>41706</c:v>
                </c:pt>
                <c:pt idx="881">
                  <c:v>41707</c:v>
                </c:pt>
                <c:pt idx="882">
                  <c:v>41708</c:v>
                </c:pt>
                <c:pt idx="883">
                  <c:v>41709</c:v>
                </c:pt>
                <c:pt idx="884">
                  <c:v>41710</c:v>
                </c:pt>
                <c:pt idx="885">
                  <c:v>41711</c:v>
                </c:pt>
                <c:pt idx="886">
                  <c:v>41712</c:v>
                </c:pt>
                <c:pt idx="887">
                  <c:v>41713</c:v>
                </c:pt>
                <c:pt idx="888">
                  <c:v>41714</c:v>
                </c:pt>
                <c:pt idx="889">
                  <c:v>41715</c:v>
                </c:pt>
                <c:pt idx="890">
                  <c:v>41716</c:v>
                </c:pt>
                <c:pt idx="891">
                  <c:v>41717</c:v>
                </c:pt>
                <c:pt idx="892">
                  <c:v>41718</c:v>
                </c:pt>
                <c:pt idx="893">
                  <c:v>41719</c:v>
                </c:pt>
                <c:pt idx="894">
                  <c:v>41720</c:v>
                </c:pt>
                <c:pt idx="895">
                  <c:v>41721</c:v>
                </c:pt>
                <c:pt idx="896">
                  <c:v>41722</c:v>
                </c:pt>
                <c:pt idx="897">
                  <c:v>41723</c:v>
                </c:pt>
                <c:pt idx="898">
                  <c:v>41724</c:v>
                </c:pt>
                <c:pt idx="899">
                  <c:v>41725</c:v>
                </c:pt>
                <c:pt idx="900">
                  <c:v>41726</c:v>
                </c:pt>
                <c:pt idx="901">
                  <c:v>41727</c:v>
                </c:pt>
                <c:pt idx="902">
                  <c:v>41728</c:v>
                </c:pt>
                <c:pt idx="903">
                  <c:v>41729</c:v>
                </c:pt>
                <c:pt idx="904">
                  <c:v>41730</c:v>
                </c:pt>
                <c:pt idx="905">
                  <c:v>41731</c:v>
                </c:pt>
                <c:pt idx="906">
                  <c:v>41732</c:v>
                </c:pt>
                <c:pt idx="907">
                  <c:v>41733</c:v>
                </c:pt>
                <c:pt idx="908">
                  <c:v>41734</c:v>
                </c:pt>
                <c:pt idx="909">
                  <c:v>41735</c:v>
                </c:pt>
                <c:pt idx="910">
                  <c:v>41736</c:v>
                </c:pt>
                <c:pt idx="911">
                  <c:v>41737</c:v>
                </c:pt>
                <c:pt idx="912">
                  <c:v>41738</c:v>
                </c:pt>
                <c:pt idx="913">
                  <c:v>41739</c:v>
                </c:pt>
                <c:pt idx="914">
                  <c:v>41740</c:v>
                </c:pt>
                <c:pt idx="915">
                  <c:v>41741</c:v>
                </c:pt>
                <c:pt idx="916">
                  <c:v>41742</c:v>
                </c:pt>
                <c:pt idx="917">
                  <c:v>41743</c:v>
                </c:pt>
                <c:pt idx="918">
                  <c:v>41744</c:v>
                </c:pt>
                <c:pt idx="919">
                  <c:v>41745</c:v>
                </c:pt>
                <c:pt idx="920">
                  <c:v>41746</c:v>
                </c:pt>
                <c:pt idx="921">
                  <c:v>41747</c:v>
                </c:pt>
                <c:pt idx="922">
                  <c:v>41748</c:v>
                </c:pt>
                <c:pt idx="923">
                  <c:v>41749</c:v>
                </c:pt>
                <c:pt idx="924">
                  <c:v>41750</c:v>
                </c:pt>
                <c:pt idx="925">
                  <c:v>41751</c:v>
                </c:pt>
                <c:pt idx="926">
                  <c:v>41752</c:v>
                </c:pt>
                <c:pt idx="927">
                  <c:v>41753</c:v>
                </c:pt>
                <c:pt idx="928">
                  <c:v>41754</c:v>
                </c:pt>
                <c:pt idx="929">
                  <c:v>41755</c:v>
                </c:pt>
                <c:pt idx="930">
                  <c:v>41756</c:v>
                </c:pt>
                <c:pt idx="931">
                  <c:v>41757</c:v>
                </c:pt>
                <c:pt idx="932">
                  <c:v>41758</c:v>
                </c:pt>
                <c:pt idx="933">
                  <c:v>41759</c:v>
                </c:pt>
                <c:pt idx="934">
                  <c:v>41760</c:v>
                </c:pt>
                <c:pt idx="935">
                  <c:v>41761</c:v>
                </c:pt>
                <c:pt idx="936">
                  <c:v>41762</c:v>
                </c:pt>
                <c:pt idx="937">
                  <c:v>41763</c:v>
                </c:pt>
                <c:pt idx="938">
                  <c:v>41764</c:v>
                </c:pt>
                <c:pt idx="939">
                  <c:v>41765</c:v>
                </c:pt>
                <c:pt idx="940">
                  <c:v>41766</c:v>
                </c:pt>
                <c:pt idx="941">
                  <c:v>41767</c:v>
                </c:pt>
                <c:pt idx="942">
                  <c:v>41768</c:v>
                </c:pt>
                <c:pt idx="943">
                  <c:v>41769</c:v>
                </c:pt>
                <c:pt idx="944">
                  <c:v>41770</c:v>
                </c:pt>
                <c:pt idx="945">
                  <c:v>41771</c:v>
                </c:pt>
                <c:pt idx="946">
                  <c:v>41772</c:v>
                </c:pt>
                <c:pt idx="947">
                  <c:v>41773</c:v>
                </c:pt>
                <c:pt idx="948">
                  <c:v>41774</c:v>
                </c:pt>
                <c:pt idx="949">
                  <c:v>41775</c:v>
                </c:pt>
                <c:pt idx="950">
                  <c:v>41776</c:v>
                </c:pt>
                <c:pt idx="951">
                  <c:v>41777</c:v>
                </c:pt>
                <c:pt idx="952">
                  <c:v>41778</c:v>
                </c:pt>
                <c:pt idx="953">
                  <c:v>41779</c:v>
                </c:pt>
                <c:pt idx="954">
                  <c:v>41780</c:v>
                </c:pt>
                <c:pt idx="955">
                  <c:v>41781</c:v>
                </c:pt>
                <c:pt idx="956">
                  <c:v>41782</c:v>
                </c:pt>
                <c:pt idx="957">
                  <c:v>41783</c:v>
                </c:pt>
                <c:pt idx="958">
                  <c:v>41784</c:v>
                </c:pt>
                <c:pt idx="959">
                  <c:v>41785</c:v>
                </c:pt>
                <c:pt idx="960">
                  <c:v>41786</c:v>
                </c:pt>
                <c:pt idx="961">
                  <c:v>41787</c:v>
                </c:pt>
                <c:pt idx="962">
                  <c:v>41788</c:v>
                </c:pt>
                <c:pt idx="963">
                  <c:v>41789</c:v>
                </c:pt>
                <c:pt idx="964">
                  <c:v>41790</c:v>
                </c:pt>
                <c:pt idx="965">
                  <c:v>41791</c:v>
                </c:pt>
                <c:pt idx="966">
                  <c:v>41792</c:v>
                </c:pt>
                <c:pt idx="967">
                  <c:v>41793</c:v>
                </c:pt>
                <c:pt idx="968">
                  <c:v>41794</c:v>
                </c:pt>
                <c:pt idx="969">
                  <c:v>41795</c:v>
                </c:pt>
                <c:pt idx="970">
                  <c:v>41796</c:v>
                </c:pt>
                <c:pt idx="971">
                  <c:v>41797</c:v>
                </c:pt>
                <c:pt idx="972">
                  <c:v>41798</c:v>
                </c:pt>
                <c:pt idx="973">
                  <c:v>41799</c:v>
                </c:pt>
                <c:pt idx="974">
                  <c:v>41800</c:v>
                </c:pt>
                <c:pt idx="975">
                  <c:v>41801</c:v>
                </c:pt>
                <c:pt idx="976">
                  <c:v>41802</c:v>
                </c:pt>
                <c:pt idx="977">
                  <c:v>41803</c:v>
                </c:pt>
                <c:pt idx="978">
                  <c:v>41804</c:v>
                </c:pt>
                <c:pt idx="979">
                  <c:v>41805</c:v>
                </c:pt>
                <c:pt idx="980">
                  <c:v>41806</c:v>
                </c:pt>
                <c:pt idx="981">
                  <c:v>41807</c:v>
                </c:pt>
                <c:pt idx="982">
                  <c:v>41808</c:v>
                </c:pt>
                <c:pt idx="983">
                  <c:v>41809</c:v>
                </c:pt>
                <c:pt idx="984">
                  <c:v>41810</c:v>
                </c:pt>
                <c:pt idx="985">
                  <c:v>41811</c:v>
                </c:pt>
                <c:pt idx="986">
                  <c:v>41812</c:v>
                </c:pt>
                <c:pt idx="987">
                  <c:v>41813</c:v>
                </c:pt>
                <c:pt idx="988">
                  <c:v>41814</c:v>
                </c:pt>
                <c:pt idx="989">
                  <c:v>41815</c:v>
                </c:pt>
                <c:pt idx="990">
                  <c:v>41816</c:v>
                </c:pt>
                <c:pt idx="991">
                  <c:v>41817</c:v>
                </c:pt>
                <c:pt idx="992">
                  <c:v>41818</c:v>
                </c:pt>
                <c:pt idx="993">
                  <c:v>41819</c:v>
                </c:pt>
                <c:pt idx="994">
                  <c:v>41820</c:v>
                </c:pt>
                <c:pt idx="995">
                  <c:v>41821</c:v>
                </c:pt>
                <c:pt idx="996">
                  <c:v>41822</c:v>
                </c:pt>
                <c:pt idx="997">
                  <c:v>41823</c:v>
                </c:pt>
                <c:pt idx="998">
                  <c:v>41824</c:v>
                </c:pt>
                <c:pt idx="999">
                  <c:v>41825</c:v>
                </c:pt>
                <c:pt idx="1000">
                  <c:v>41826</c:v>
                </c:pt>
                <c:pt idx="1001">
                  <c:v>41827</c:v>
                </c:pt>
                <c:pt idx="1002">
                  <c:v>41828</c:v>
                </c:pt>
                <c:pt idx="1003">
                  <c:v>41829</c:v>
                </c:pt>
                <c:pt idx="1004">
                  <c:v>41830</c:v>
                </c:pt>
                <c:pt idx="1005">
                  <c:v>41831</c:v>
                </c:pt>
                <c:pt idx="1006">
                  <c:v>41832</c:v>
                </c:pt>
                <c:pt idx="1007">
                  <c:v>41833</c:v>
                </c:pt>
                <c:pt idx="1008">
                  <c:v>41834</c:v>
                </c:pt>
                <c:pt idx="1009">
                  <c:v>41835</c:v>
                </c:pt>
                <c:pt idx="1010">
                  <c:v>41836</c:v>
                </c:pt>
                <c:pt idx="1011">
                  <c:v>41837</c:v>
                </c:pt>
                <c:pt idx="1012">
                  <c:v>41838</c:v>
                </c:pt>
                <c:pt idx="1013">
                  <c:v>41839</c:v>
                </c:pt>
                <c:pt idx="1014">
                  <c:v>41840</c:v>
                </c:pt>
                <c:pt idx="1015">
                  <c:v>41841</c:v>
                </c:pt>
                <c:pt idx="1016">
                  <c:v>41842</c:v>
                </c:pt>
                <c:pt idx="1017">
                  <c:v>41843</c:v>
                </c:pt>
                <c:pt idx="1018">
                  <c:v>41844</c:v>
                </c:pt>
                <c:pt idx="1019">
                  <c:v>41845</c:v>
                </c:pt>
                <c:pt idx="1020">
                  <c:v>41846</c:v>
                </c:pt>
                <c:pt idx="1021">
                  <c:v>41847</c:v>
                </c:pt>
                <c:pt idx="1022">
                  <c:v>41848</c:v>
                </c:pt>
                <c:pt idx="1023">
                  <c:v>41849</c:v>
                </c:pt>
                <c:pt idx="1024">
                  <c:v>41850</c:v>
                </c:pt>
                <c:pt idx="1025">
                  <c:v>41851</c:v>
                </c:pt>
                <c:pt idx="1026">
                  <c:v>41852</c:v>
                </c:pt>
                <c:pt idx="1027">
                  <c:v>41853</c:v>
                </c:pt>
                <c:pt idx="1028">
                  <c:v>41854</c:v>
                </c:pt>
                <c:pt idx="1029">
                  <c:v>41855</c:v>
                </c:pt>
                <c:pt idx="1030">
                  <c:v>41856</c:v>
                </c:pt>
                <c:pt idx="1031">
                  <c:v>41857</c:v>
                </c:pt>
                <c:pt idx="1032">
                  <c:v>41858</c:v>
                </c:pt>
                <c:pt idx="1033">
                  <c:v>41859</c:v>
                </c:pt>
                <c:pt idx="1034">
                  <c:v>41860</c:v>
                </c:pt>
                <c:pt idx="1035">
                  <c:v>41861</c:v>
                </c:pt>
                <c:pt idx="1036">
                  <c:v>41862</c:v>
                </c:pt>
                <c:pt idx="1037">
                  <c:v>41863</c:v>
                </c:pt>
                <c:pt idx="1038">
                  <c:v>41864</c:v>
                </c:pt>
                <c:pt idx="1039">
                  <c:v>41865</c:v>
                </c:pt>
                <c:pt idx="1040">
                  <c:v>41866</c:v>
                </c:pt>
                <c:pt idx="1041">
                  <c:v>41867</c:v>
                </c:pt>
                <c:pt idx="1042">
                  <c:v>41868</c:v>
                </c:pt>
                <c:pt idx="1043">
                  <c:v>41869</c:v>
                </c:pt>
                <c:pt idx="1044">
                  <c:v>41870</c:v>
                </c:pt>
                <c:pt idx="1045">
                  <c:v>41871</c:v>
                </c:pt>
                <c:pt idx="1046">
                  <c:v>41872</c:v>
                </c:pt>
                <c:pt idx="1047">
                  <c:v>41873</c:v>
                </c:pt>
                <c:pt idx="1048">
                  <c:v>41874</c:v>
                </c:pt>
                <c:pt idx="1049">
                  <c:v>41875</c:v>
                </c:pt>
                <c:pt idx="1050">
                  <c:v>41876</c:v>
                </c:pt>
                <c:pt idx="1051">
                  <c:v>41877</c:v>
                </c:pt>
                <c:pt idx="1052">
                  <c:v>41878</c:v>
                </c:pt>
                <c:pt idx="1053">
                  <c:v>41879</c:v>
                </c:pt>
                <c:pt idx="1054">
                  <c:v>41880</c:v>
                </c:pt>
                <c:pt idx="1055">
                  <c:v>41881</c:v>
                </c:pt>
                <c:pt idx="1056">
                  <c:v>41882</c:v>
                </c:pt>
                <c:pt idx="1057">
                  <c:v>41883</c:v>
                </c:pt>
                <c:pt idx="1058">
                  <c:v>41884</c:v>
                </c:pt>
                <c:pt idx="1059">
                  <c:v>41885</c:v>
                </c:pt>
                <c:pt idx="1060">
                  <c:v>41886</c:v>
                </c:pt>
                <c:pt idx="1061">
                  <c:v>41887</c:v>
                </c:pt>
                <c:pt idx="1062">
                  <c:v>41888</c:v>
                </c:pt>
                <c:pt idx="1063">
                  <c:v>41889</c:v>
                </c:pt>
                <c:pt idx="1064">
                  <c:v>41890</c:v>
                </c:pt>
                <c:pt idx="1065">
                  <c:v>41891</c:v>
                </c:pt>
                <c:pt idx="1066">
                  <c:v>41892</c:v>
                </c:pt>
                <c:pt idx="1067">
                  <c:v>41893</c:v>
                </c:pt>
                <c:pt idx="1068">
                  <c:v>41894</c:v>
                </c:pt>
                <c:pt idx="1069">
                  <c:v>41895</c:v>
                </c:pt>
                <c:pt idx="1070">
                  <c:v>41896</c:v>
                </c:pt>
                <c:pt idx="1071">
                  <c:v>41897</c:v>
                </c:pt>
                <c:pt idx="1072">
                  <c:v>41898</c:v>
                </c:pt>
                <c:pt idx="1073">
                  <c:v>41899</c:v>
                </c:pt>
                <c:pt idx="1074">
                  <c:v>41900</c:v>
                </c:pt>
                <c:pt idx="1075">
                  <c:v>41901</c:v>
                </c:pt>
                <c:pt idx="1076">
                  <c:v>41902</c:v>
                </c:pt>
                <c:pt idx="1077">
                  <c:v>41903</c:v>
                </c:pt>
                <c:pt idx="1078">
                  <c:v>41904</c:v>
                </c:pt>
                <c:pt idx="1079">
                  <c:v>41905</c:v>
                </c:pt>
                <c:pt idx="1080">
                  <c:v>41906</c:v>
                </c:pt>
                <c:pt idx="1081">
                  <c:v>41907</c:v>
                </c:pt>
                <c:pt idx="1082">
                  <c:v>41908</c:v>
                </c:pt>
                <c:pt idx="1083">
                  <c:v>41909</c:v>
                </c:pt>
                <c:pt idx="1084">
                  <c:v>41910</c:v>
                </c:pt>
                <c:pt idx="1085">
                  <c:v>41911</c:v>
                </c:pt>
                <c:pt idx="1086">
                  <c:v>41912</c:v>
                </c:pt>
                <c:pt idx="1087">
                  <c:v>41913</c:v>
                </c:pt>
                <c:pt idx="1088">
                  <c:v>41914</c:v>
                </c:pt>
                <c:pt idx="1089">
                  <c:v>41915</c:v>
                </c:pt>
                <c:pt idx="1090">
                  <c:v>41916</c:v>
                </c:pt>
                <c:pt idx="1091">
                  <c:v>41917</c:v>
                </c:pt>
                <c:pt idx="1092">
                  <c:v>41918</c:v>
                </c:pt>
                <c:pt idx="1093">
                  <c:v>41919</c:v>
                </c:pt>
                <c:pt idx="1094">
                  <c:v>41920</c:v>
                </c:pt>
                <c:pt idx="1095">
                  <c:v>41921</c:v>
                </c:pt>
                <c:pt idx="1096">
                  <c:v>41922</c:v>
                </c:pt>
                <c:pt idx="1097">
                  <c:v>41923</c:v>
                </c:pt>
                <c:pt idx="1098">
                  <c:v>41924</c:v>
                </c:pt>
                <c:pt idx="1099">
                  <c:v>41925</c:v>
                </c:pt>
                <c:pt idx="1100">
                  <c:v>41926</c:v>
                </c:pt>
                <c:pt idx="1101">
                  <c:v>41927</c:v>
                </c:pt>
                <c:pt idx="1102">
                  <c:v>41928</c:v>
                </c:pt>
                <c:pt idx="1103">
                  <c:v>41929</c:v>
                </c:pt>
                <c:pt idx="1104">
                  <c:v>41930</c:v>
                </c:pt>
                <c:pt idx="1105">
                  <c:v>41931</c:v>
                </c:pt>
                <c:pt idx="1106">
                  <c:v>41932</c:v>
                </c:pt>
              </c:numCache>
            </c:numRef>
          </c:cat>
          <c:val>
            <c:numRef>
              <c:f>Sheet1!$B$4:$B$1110</c:f>
              <c:numCache>
                <c:formatCode>General</c:formatCode>
                <c:ptCount val="1107"/>
                <c:pt idx="0">
                  <c:v>61.8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8.1999999999999993</c:v>
                </c:pt>
                <c:pt idx="11">
                  <c:v>58.7</c:v>
                </c:pt>
                <c:pt idx="12">
                  <c:v>0</c:v>
                </c:pt>
                <c:pt idx="13">
                  <c:v>0</c:v>
                </c:pt>
                <c:pt idx="14">
                  <c:v>1.2</c:v>
                </c:pt>
                <c:pt idx="15">
                  <c:v>0.6</c:v>
                </c:pt>
                <c:pt idx="16">
                  <c:v>2.7</c:v>
                </c:pt>
                <c:pt idx="17">
                  <c:v>44.3</c:v>
                </c:pt>
                <c:pt idx="18">
                  <c:v>0.25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.8</c:v>
                </c:pt>
                <c:pt idx="24">
                  <c:v>0.3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1.4</c:v>
                </c:pt>
                <c:pt idx="29">
                  <c:v>1.6</c:v>
                </c:pt>
                <c:pt idx="30">
                  <c:v>0</c:v>
                </c:pt>
                <c:pt idx="31">
                  <c:v>0</c:v>
                </c:pt>
                <c:pt idx="32">
                  <c:v>0.5</c:v>
                </c:pt>
                <c:pt idx="33">
                  <c:v>0</c:v>
                </c:pt>
                <c:pt idx="34">
                  <c:v>0</c:v>
                </c:pt>
                <c:pt idx="35">
                  <c:v>0</c:v>
                </c:pt>
                <c:pt idx="36">
                  <c:v>0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  <c:pt idx="43">
                  <c:v>0</c:v>
                </c:pt>
                <c:pt idx="44">
                  <c:v>0</c:v>
                </c:pt>
                <c:pt idx="45">
                  <c:v>0</c:v>
                </c:pt>
                <c:pt idx="46">
                  <c:v>0</c:v>
                </c:pt>
                <c:pt idx="47">
                  <c:v>0</c:v>
                </c:pt>
                <c:pt idx="48">
                  <c:v>0</c:v>
                </c:pt>
                <c:pt idx="49">
                  <c:v>0</c:v>
                </c:pt>
                <c:pt idx="50">
                  <c:v>0</c:v>
                </c:pt>
                <c:pt idx="51">
                  <c:v>0</c:v>
                </c:pt>
                <c:pt idx="52">
                  <c:v>0</c:v>
                </c:pt>
                <c:pt idx="53">
                  <c:v>0</c:v>
                </c:pt>
                <c:pt idx="54">
                  <c:v>0</c:v>
                </c:pt>
                <c:pt idx="55">
                  <c:v>0</c:v>
                </c:pt>
                <c:pt idx="56">
                  <c:v>21</c:v>
                </c:pt>
                <c:pt idx="57">
                  <c:v>3.4</c:v>
                </c:pt>
                <c:pt idx="58">
                  <c:v>0</c:v>
                </c:pt>
                <c:pt idx="59">
                  <c:v>0</c:v>
                </c:pt>
                <c:pt idx="60">
                  <c:v>0</c:v>
                </c:pt>
                <c:pt idx="61">
                  <c:v>0</c:v>
                </c:pt>
                <c:pt idx="62">
                  <c:v>0</c:v>
                </c:pt>
                <c:pt idx="63">
                  <c:v>1</c:v>
                </c:pt>
                <c:pt idx="64">
                  <c:v>16.2</c:v>
                </c:pt>
                <c:pt idx="65">
                  <c:v>0</c:v>
                </c:pt>
                <c:pt idx="66">
                  <c:v>13.8</c:v>
                </c:pt>
                <c:pt idx="67">
                  <c:v>14.8</c:v>
                </c:pt>
                <c:pt idx="68">
                  <c:v>0</c:v>
                </c:pt>
                <c:pt idx="69">
                  <c:v>0</c:v>
                </c:pt>
                <c:pt idx="70">
                  <c:v>28.2</c:v>
                </c:pt>
                <c:pt idx="71">
                  <c:v>0</c:v>
                </c:pt>
                <c:pt idx="72">
                  <c:v>0</c:v>
                </c:pt>
                <c:pt idx="73">
                  <c:v>0</c:v>
                </c:pt>
                <c:pt idx="74">
                  <c:v>0</c:v>
                </c:pt>
                <c:pt idx="75">
                  <c:v>0</c:v>
                </c:pt>
                <c:pt idx="76">
                  <c:v>0</c:v>
                </c:pt>
                <c:pt idx="77">
                  <c:v>0</c:v>
                </c:pt>
                <c:pt idx="78">
                  <c:v>0</c:v>
                </c:pt>
                <c:pt idx="79">
                  <c:v>0</c:v>
                </c:pt>
                <c:pt idx="80">
                  <c:v>0</c:v>
                </c:pt>
                <c:pt idx="81">
                  <c:v>0</c:v>
                </c:pt>
                <c:pt idx="82">
                  <c:v>0</c:v>
                </c:pt>
                <c:pt idx="83">
                  <c:v>0</c:v>
                </c:pt>
                <c:pt idx="84">
                  <c:v>0</c:v>
                </c:pt>
                <c:pt idx="85">
                  <c:v>30.8</c:v>
                </c:pt>
                <c:pt idx="86">
                  <c:v>0.7</c:v>
                </c:pt>
                <c:pt idx="87">
                  <c:v>0.5</c:v>
                </c:pt>
                <c:pt idx="88">
                  <c:v>0.25</c:v>
                </c:pt>
                <c:pt idx="89">
                  <c:v>0</c:v>
                </c:pt>
                <c:pt idx="90">
                  <c:v>0</c:v>
                </c:pt>
                <c:pt idx="91">
                  <c:v>0</c:v>
                </c:pt>
                <c:pt idx="92">
                  <c:v>0</c:v>
                </c:pt>
                <c:pt idx="93">
                  <c:v>0</c:v>
                </c:pt>
                <c:pt idx="94">
                  <c:v>0</c:v>
                </c:pt>
                <c:pt idx="95">
                  <c:v>0</c:v>
                </c:pt>
                <c:pt idx="96">
                  <c:v>0</c:v>
                </c:pt>
                <c:pt idx="97">
                  <c:v>0</c:v>
                </c:pt>
                <c:pt idx="98">
                  <c:v>0</c:v>
                </c:pt>
                <c:pt idx="99">
                  <c:v>0</c:v>
                </c:pt>
                <c:pt idx="100">
                  <c:v>0</c:v>
                </c:pt>
                <c:pt idx="101">
                  <c:v>0</c:v>
                </c:pt>
                <c:pt idx="102">
                  <c:v>0</c:v>
                </c:pt>
                <c:pt idx="103">
                  <c:v>0</c:v>
                </c:pt>
                <c:pt idx="104">
                  <c:v>0</c:v>
                </c:pt>
                <c:pt idx="105">
                  <c:v>1.9</c:v>
                </c:pt>
                <c:pt idx="106">
                  <c:v>0</c:v>
                </c:pt>
                <c:pt idx="107">
                  <c:v>2.8</c:v>
                </c:pt>
                <c:pt idx="108">
                  <c:v>0</c:v>
                </c:pt>
                <c:pt idx="109">
                  <c:v>0</c:v>
                </c:pt>
                <c:pt idx="110">
                  <c:v>0</c:v>
                </c:pt>
                <c:pt idx="111">
                  <c:v>0</c:v>
                </c:pt>
                <c:pt idx="112">
                  <c:v>0</c:v>
                </c:pt>
                <c:pt idx="113">
                  <c:v>0</c:v>
                </c:pt>
                <c:pt idx="114">
                  <c:v>0</c:v>
                </c:pt>
                <c:pt idx="115">
                  <c:v>0</c:v>
                </c:pt>
                <c:pt idx="116">
                  <c:v>0</c:v>
                </c:pt>
                <c:pt idx="117">
                  <c:v>0</c:v>
                </c:pt>
                <c:pt idx="118">
                  <c:v>0</c:v>
                </c:pt>
                <c:pt idx="119">
                  <c:v>0</c:v>
                </c:pt>
                <c:pt idx="120">
                  <c:v>0</c:v>
                </c:pt>
                <c:pt idx="121">
                  <c:v>0</c:v>
                </c:pt>
                <c:pt idx="122">
                  <c:v>0</c:v>
                </c:pt>
                <c:pt idx="123">
                  <c:v>0</c:v>
                </c:pt>
                <c:pt idx="124">
                  <c:v>0</c:v>
                </c:pt>
                <c:pt idx="125">
                  <c:v>0</c:v>
                </c:pt>
                <c:pt idx="126">
                  <c:v>0</c:v>
                </c:pt>
                <c:pt idx="127">
                  <c:v>0</c:v>
                </c:pt>
                <c:pt idx="128">
                  <c:v>0</c:v>
                </c:pt>
                <c:pt idx="129">
                  <c:v>0</c:v>
                </c:pt>
                <c:pt idx="130">
                  <c:v>0</c:v>
                </c:pt>
                <c:pt idx="131">
                  <c:v>0</c:v>
                </c:pt>
                <c:pt idx="132">
                  <c:v>0</c:v>
                </c:pt>
                <c:pt idx="133">
                  <c:v>0</c:v>
                </c:pt>
                <c:pt idx="134">
                  <c:v>0</c:v>
                </c:pt>
                <c:pt idx="135">
                  <c:v>0</c:v>
                </c:pt>
                <c:pt idx="136">
                  <c:v>0</c:v>
                </c:pt>
                <c:pt idx="137">
                  <c:v>0</c:v>
                </c:pt>
                <c:pt idx="138">
                  <c:v>0</c:v>
                </c:pt>
                <c:pt idx="139">
                  <c:v>0</c:v>
                </c:pt>
                <c:pt idx="140">
                  <c:v>0</c:v>
                </c:pt>
                <c:pt idx="141">
                  <c:v>0</c:v>
                </c:pt>
                <c:pt idx="142">
                  <c:v>0</c:v>
                </c:pt>
                <c:pt idx="143">
                  <c:v>0</c:v>
                </c:pt>
                <c:pt idx="144">
                  <c:v>0</c:v>
                </c:pt>
                <c:pt idx="145">
                  <c:v>0</c:v>
                </c:pt>
                <c:pt idx="146">
                  <c:v>0</c:v>
                </c:pt>
                <c:pt idx="147">
                  <c:v>0</c:v>
                </c:pt>
                <c:pt idx="148">
                  <c:v>0</c:v>
                </c:pt>
                <c:pt idx="149">
                  <c:v>0</c:v>
                </c:pt>
                <c:pt idx="150">
                  <c:v>0</c:v>
                </c:pt>
                <c:pt idx="151">
                  <c:v>0</c:v>
                </c:pt>
                <c:pt idx="152">
                  <c:v>0</c:v>
                </c:pt>
                <c:pt idx="153">
                  <c:v>0</c:v>
                </c:pt>
                <c:pt idx="154">
                  <c:v>0</c:v>
                </c:pt>
                <c:pt idx="155">
                  <c:v>0</c:v>
                </c:pt>
                <c:pt idx="156">
                  <c:v>0</c:v>
                </c:pt>
                <c:pt idx="157">
                  <c:v>0</c:v>
                </c:pt>
                <c:pt idx="158">
                  <c:v>0</c:v>
                </c:pt>
                <c:pt idx="159">
                  <c:v>0</c:v>
                </c:pt>
                <c:pt idx="160">
                  <c:v>0</c:v>
                </c:pt>
                <c:pt idx="161">
                  <c:v>0</c:v>
                </c:pt>
                <c:pt idx="162">
                  <c:v>24</c:v>
                </c:pt>
                <c:pt idx="163">
                  <c:v>0</c:v>
                </c:pt>
                <c:pt idx="164">
                  <c:v>0</c:v>
                </c:pt>
                <c:pt idx="165">
                  <c:v>0</c:v>
                </c:pt>
                <c:pt idx="166">
                  <c:v>0</c:v>
                </c:pt>
                <c:pt idx="167">
                  <c:v>0</c:v>
                </c:pt>
                <c:pt idx="168">
                  <c:v>0</c:v>
                </c:pt>
                <c:pt idx="169">
                  <c:v>0</c:v>
                </c:pt>
                <c:pt idx="170">
                  <c:v>0</c:v>
                </c:pt>
                <c:pt idx="171">
                  <c:v>0</c:v>
                </c:pt>
                <c:pt idx="172">
                  <c:v>0</c:v>
                </c:pt>
                <c:pt idx="173">
                  <c:v>0</c:v>
                </c:pt>
                <c:pt idx="174">
                  <c:v>0</c:v>
                </c:pt>
                <c:pt idx="175">
                  <c:v>3.6</c:v>
                </c:pt>
                <c:pt idx="176">
                  <c:v>0</c:v>
                </c:pt>
                <c:pt idx="177">
                  <c:v>1.5</c:v>
                </c:pt>
                <c:pt idx="178">
                  <c:v>1.8</c:v>
                </c:pt>
                <c:pt idx="179">
                  <c:v>4.7</c:v>
                </c:pt>
                <c:pt idx="180">
                  <c:v>0</c:v>
                </c:pt>
                <c:pt idx="181">
                  <c:v>0</c:v>
                </c:pt>
                <c:pt idx="182">
                  <c:v>0</c:v>
                </c:pt>
                <c:pt idx="183">
                  <c:v>44.7</c:v>
                </c:pt>
                <c:pt idx="184">
                  <c:v>0</c:v>
                </c:pt>
                <c:pt idx="185">
                  <c:v>9.1999999999999993</c:v>
                </c:pt>
                <c:pt idx="186">
                  <c:v>0</c:v>
                </c:pt>
                <c:pt idx="187">
                  <c:v>0</c:v>
                </c:pt>
                <c:pt idx="188">
                  <c:v>0</c:v>
                </c:pt>
                <c:pt idx="189">
                  <c:v>11.4</c:v>
                </c:pt>
                <c:pt idx="190">
                  <c:v>0.4</c:v>
                </c:pt>
                <c:pt idx="191">
                  <c:v>0</c:v>
                </c:pt>
                <c:pt idx="192">
                  <c:v>1.4</c:v>
                </c:pt>
                <c:pt idx="193">
                  <c:v>1.7</c:v>
                </c:pt>
                <c:pt idx="194">
                  <c:v>0</c:v>
                </c:pt>
                <c:pt idx="195">
                  <c:v>0</c:v>
                </c:pt>
                <c:pt idx="196">
                  <c:v>15.8</c:v>
                </c:pt>
                <c:pt idx="197">
                  <c:v>1.9</c:v>
                </c:pt>
                <c:pt idx="198">
                  <c:v>10.6</c:v>
                </c:pt>
                <c:pt idx="199">
                  <c:v>0.9</c:v>
                </c:pt>
                <c:pt idx="200">
                  <c:v>0</c:v>
                </c:pt>
                <c:pt idx="201">
                  <c:v>0</c:v>
                </c:pt>
                <c:pt idx="202">
                  <c:v>0</c:v>
                </c:pt>
                <c:pt idx="203">
                  <c:v>0</c:v>
                </c:pt>
                <c:pt idx="204">
                  <c:v>0</c:v>
                </c:pt>
                <c:pt idx="205">
                  <c:v>0</c:v>
                </c:pt>
                <c:pt idx="206">
                  <c:v>8.9</c:v>
                </c:pt>
                <c:pt idx="207">
                  <c:v>0</c:v>
                </c:pt>
                <c:pt idx="208">
                  <c:v>0</c:v>
                </c:pt>
                <c:pt idx="209">
                  <c:v>0</c:v>
                </c:pt>
                <c:pt idx="210">
                  <c:v>24</c:v>
                </c:pt>
                <c:pt idx="211">
                  <c:v>8.3000000000000007</c:v>
                </c:pt>
                <c:pt idx="212">
                  <c:v>0</c:v>
                </c:pt>
                <c:pt idx="213">
                  <c:v>0</c:v>
                </c:pt>
                <c:pt idx="214">
                  <c:v>0</c:v>
                </c:pt>
                <c:pt idx="215">
                  <c:v>0</c:v>
                </c:pt>
                <c:pt idx="216">
                  <c:v>0</c:v>
                </c:pt>
                <c:pt idx="217">
                  <c:v>46</c:v>
                </c:pt>
                <c:pt idx="218">
                  <c:v>0</c:v>
                </c:pt>
                <c:pt idx="219">
                  <c:v>10.6</c:v>
                </c:pt>
                <c:pt idx="220">
                  <c:v>2.7</c:v>
                </c:pt>
                <c:pt idx="221">
                  <c:v>0</c:v>
                </c:pt>
                <c:pt idx="222">
                  <c:v>0</c:v>
                </c:pt>
                <c:pt idx="223">
                  <c:v>0</c:v>
                </c:pt>
                <c:pt idx="224">
                  <c:v>4.4000000000000004</c:v>
                </c:pt>
                <c:pt idx="225">
                  <c:v>16.5</c:v>
                </c:pt>
                <c:pt idx="226">
                  <c:v>4.0999999999999996</c:v>
                </c:pt>
                <c:pt idx="227">
                  <c:v>3.8</c:v>
                </c:pt>
                <c:pt idx="228">
                  <c:v>2.1</c:v>
                </c:pt>
                <c:pt idx="229">
                  <c:v>0</c:v>
                </c:pt>
                <c:pt idx="230">
                  <c:v>0</c:v>
                </c:pt>
                <c:pt idx="231">
                  <c:v>0.4</c:v>
                </c:pt>
                <c:pt idx="232">
                  <c:v>0.6</c:v>
                </c:pt>
                <c:pt idx="233">
                  <c:v>0.2</c:v>
                </c:pt>
                <c:pt idx="234">
                  <c:v>0.2</c:v>
                </c:pt>
                <c:pt idx="235">
                  <c:v>0.2</c:v>
                </c:pt>
                <c:pt idx="236">
                  <c:v>0</c:v>
                </c:pt>
                <c:pt idx="237">
                  <c:v>0</c:v>
                </c:pt>
                <c:pt idx="238">
                  <c:v>10.5</c:v>
                </c:pt>
                <c:pt idx="239">
                  <c:v>28.3</c:v>
                </c:pt>
                <c:pt idx="240">
                  <c:v>0.9</c:v>
                </c:pt>
                <c:pt idx="241">
                  <c:v>0</c:v>
                </c:pt>
                <c:pt idx="242">
                  <c:v>0</c:v>
                </c:pt>
                <c:pt idx="243">
                  <c:v>0</c:v>
                </c:pt>
                <c:pt idx="244">
                  <c:v>0</c:v>
                </c:pt>
                <c:pt idx="245">
                  <c:v>21.1</c:v>
                </c:pt>
                <c:pt idx="246">
                  <c:v>12.2</c:v>
                </c:pt>
                <c:pt idx="247">
                  <c:v>35.5</c:v>
                </c:pt>
                <c:pt idx="248">
                  <c:v>22.1</c:v>
                </c:pt>
                <c:pt idx="249">
                  <c:v>0</c:v>
                </c:pt>
                <c:pt idx="250">
                  <c:v>0</c:v>
                </c:pt>
                <c:pt idx="251">
                  <c:v>0</c:v>
                </c:pt>
                <c:pt idx="252">
                  <c:v>0</c:v>
                </c:pt>
                <c:pt idx="253">
                  <c:v>0</c:v>
                </c:pt>
                <c:pt idx="254">
                  <c:v>0</c:v>
                </c:pt>
                <c:pt idx="255">
                  <c:v>0</c:v>
                </c:pt>
                <c:pt idx="256">
                  <c:v>0.2</c:v>
                </c:pt>
                <c:pt idx="257">
                  <c:v>0</c:v>
                </c:pt>
                <c:pt idx="258">
                  <c:v>0</c:v>
                </c:pt>
                <c:pt idx="259">
                  <c:v>7.6</c:v>
                </c:pt>
                <c:pt idx="260">
                  <c:v>0</c:v>
                </c:pt>
                <c:pt idx="261">
                  <c:v>0</c:v>
                </c:pt>
                <c:pt idx="262">
                  <c:v>0</c:v>
                </c:pt>
                <c:pt idx="263">
                  <c:v>0</c:v>
                </c:pt>
                <c:pt idx="264">
                  <c:v>0</c:v>
                </c:pt>
                <c:pt idx="265">
                  <c:v>0</c:v>
                </c:pt>
                <c:pt idx="266">
                  <c:v>0</c:v>
                </c:pt>
                <c:pt idx="267">
                  <c:v>0</c:v>
                </c:pt>
                <c:pt idx="268">
                  <c:v>0</c:v>
                </c:pt>
                <c:pt idx="269">
                  <c:v>0</c:v>
                </c:pt>
                <c:pt idx="270">
                  <c:v>59</c:v>
                </c:pt>
                <c:pt idx="271">
                  <c:v>0</c:v>
                </c:pt>
                <c:pt idx="272">
                  <c:v>0</c:v>
                </c:pt>
                <c:pt idx="273">
                  <c:v>12.1</c:v>
                </c:pt>
                <c:pt idx="274">
                  <c:v>12.7</c:v>
                </c:pt>
                <c:pt idx="275">
                  <c:v>4.7</c:v>
                </c:pt>
                <c:pt idx="276">
                  <c:v>42.3</c:v>
                </c:pt>
                <c:pt idx="277">
                  <c:v>0.1</c:v>
                </c:pt>
                <c:pt idx="278">
                  <c:v>0</c:v>
                </c:pt>
                <c:pt idx="279">
                  <c:v>0</c:v>
                </c:pt>
                <c:pt idx="280">
                  <c:v>0</c:v>
                </c:pt>
                <c:pt idx="281">
                  <c:v>11.2</c:v>
                </c:pt>
                <c:pt idx="282">
                  <c:v>0</c:v>
                </c:pt>
                <c:pt idx="283">
                  <c:v>0</c:v>
                </c:pt>
                <c:pt idx="284">
                  <c:v>0</c:v>
                </c:pt>
                <c:pt idx="285">
                  <c:v>0</c:v>
                </c:pt>
                <c:pt idx="286">
                  <c:v>0</c:v>
                </c:pt>
                <c:pt idx="287">
                  <c:v>13.3</c:v>
                </c:pt>
                <c:pt idx="288">
                  <c:v>0</c:v>
                </c:pt>
                <c:pt idx="289">
                  <c:v>7.5</c:v>
                </c:pt>
                <c:pt idx="290">
                  <c:v>0.2</c:v>
                </c:pt>
                <c:pt idx="291">
                  <c:v>0</c:v>
                </c:pt>
                <c:pt idx="292">
                  <c:v>0</c:v>
                </c:pt>
                <c:pt idx="293">
                  <c:v>0</c:v>
                </c:pt>
                <c:pt idx="294">
                  <c:v>0</c:v>
                </c:pt>
                <c:pt idx="295">
                  <c:v>0</c:v>
                </c:pt>
                <c:pt idx="296">
                  <c:v>0</c:v>
                </c:pt>
                <c:pt idx="297">
                  <c:v>0</c:v>
                </c:pt>
                <c:pt idx="298">
                  <c:v>0</c:v>
                </c:pt>
                <c:pt idx="299">
                  <c:v>0</c:v>
                </c:pt>
                <c:pt idx="300">
                  <c:v>0</c:v>
                </c:pt>
                <c:pt idx="301">
                  <c:v>0</c:v>
                </c:pt>
                <c:pt idx="302">
                  <c:v>0</c:v>
                </c:pt>
                <c:pt idx="303">
                  <c:v>0</c:v>
                </c:pt>
                <c:pt idx="304">
                  <c:v>0</c:v>
                </c:pt>
                <c:pt idx="305">
                  <c:v>0</c:v>
                </c:pt>
                <c:pt idx="306">
                  <c:v>0</c:v>
                </c:pt>
                <c:pt idx="307">
                  <c:v>0</c:v>
                </c:pt>
                <c:pt idx="308">
                  <c:v>1.2</c:v>
                </c:pt>
                <c:pt idx="309">
                  <c:v>0</c:v>
                </c:pt>
                <c:pt idx="310">
                  <c:v>0</c:v>
                </c:pt>
                <c:pt idx="311">
                  <c:v>0</c:v>
                </c:pt>
                <c:pt idx="312">
                  <c:v>20</c:v>
                </c:pt>
                <c:pt idx="313">
                  <c:v>0</c:v>
                </c:pt>
                <c:pt idx="314">
                  <c:v>0</c:v>
                </c:pt>
                <c:pt idx="315">
                  <c:v>0</c:v>
                </c:pt>
                <c:pt idx="316">
                  <c:v>0</c:v>
                </c:pt>
                <c:pt idx="317">
                  <c:v>0</c:v>
                </c:pt>
                <c:pt idx="318">
                  <c:v>0</c:v>
                </c:pt>
                <c:pt idx="319">
                  <c:v>0</c:v>
                </c:pt>
                <c:pt idx="320">
                  <c:v>0</c:v>
                </c:pt>
                <c:pt idx="321">
                  <c:v>0</c:v>
                </c:pt>
                <c:pt idx="322">
                  <c:v>43.9</c:v>
                </c:pt>
                <c:pt idx="323">
                  <c:v>0</c:v>
                </c:pt>
                <c:pt idx="324">
                  <c:v>0</c:v>
                </c:pt>
                <c:pt idx="325">
                  <c:v>0</c:v>
                </c:pt>
                <c:pt idx="326">
                  <c:v>0</c:v>
                </c:pt>
                <c:pt idx="327">
                  <c:v>0</c:v>
                </c:pt>
                <c:pt idx="328">
                  <c:v>0</c:v>
                </c:pt>
                <c:pt idx="329">
                  <c:v>71.099999999999994</c:v>
                </c:pt>
                <c:pt idx="330">
                  <c:v>0.5</c:v>
                </c:pt>
                <c:pt idx="331">
                  <c:v>0</c:v>
                </c:pt>
                <c:pt idx="332">
                  <c:v>15.7</c:v>
                </c:pt>
                <c:pt idx="333">
                  <c:v>0</c:v>
                </c:pt>
                <c:pt idx="334">
                  <c:v>0</c:v>
                </c:pt>
                <c:pt idx="335">
                  <c:v>0</c:v>
                </c:pt>
                <c:pt idx="336">
                  <c:v>0</c:v>
                </c:pt>
                <c:pt idx="337">
                  <c:v>0</c:v>
                </c:pt>
                <c:pt idx="338">
                  <c:v>0</c:v>
                </c:pt>
                <c:pt idx="339">
                  <c:v>57</c:v>
                </c:pt>
                <c:pt idx="340">
                  <c:v>9.8000000000000007</c:v>
                </c:pt>
                <c:pt idx="341">
                  <c:v>0</c:v>
                </c:pt>
                <c:pt idx="342">
                  <c:v>0</c:v>
                </c:pt>
                <c:pt idx="343">
                  <c:v>0</c:v>
                </c:pt>
                <c:pt idx="344">
                  <c:v>0</c:v>
                </c:pt>
                <c:pt idx="345">
                  <c:v>0</c:v>
                </c:pt>
                <c:pt idx="346">
                  <c:v>31.8</c:v>
                </c:pt>
                <c:pt idx="347">
                  <c:v>0</c:v>
                </c:pt>
                <c:pt idx="348">
                  <c:v>0</c:v>
                </c:pt>
                <c:pt idx="349">
                  <c:v>0</c:v>
                </c:pt>
                <c:pt idx="350">
                  <c:v>0</c:v>
                </c:pt>
                <c:pt idx="352">
                  <c:v>19.5</c:v>
                </c:pt>
                <c:pt idx="353">
                  <c:v>3.8</c:v>
                </c:pt>
                <c:pt idx="354">
                  <c:v>10.4</c:v>
                </c:pt>
                <c:pt idx="355">
                  <c:v>0</c:v>
                </c:pt>
                <c:pt idx="356">
                  <c:v>0</c:v>
                </c:pt>
                <c:pt idx="357">
                  <c:v>4.5999999999999996</c:v>
                </c:pt>
                <c:pt idx="358">
                  <c:v>0</c:v>
                </c:pt>
                <c:pt idx="359">
                  <c:v>4.2</c:v>
                </c:pt>
                <c:pt idx="360">
                  <c:v>0</c:v>
                </c:pt>
                <c:pt idx="361">
                  <c:v>0</c:v>
                </c:pt>
                <c:pt idx="362">
                  <c:v>0</c:v>
                </c:pt>
                <c:pt idx="363">
                  <c:v>0</c:v>
                </c:pt>
                <c:pt idx="364">
                  <c:v>4.0999999999999996</c:v>
                </c:pt>
                <c:pt idx="365">
                  <c:v>0</c:v>
                </c:pt>
                <c:pt idx="366">
                  <c:v>6</c:v>
                </c:pt>
                <c:pt idx="367">
                  <c:v>0.8</c:v>
                </c:pt>
                <c:pt idx="368">
                  <c:v>0</c:v>
                </c:pt>
                <c:pt idx="369">
                  <c:v>0</c:v>
                </c:pt>
                <c:pt idx="370">
                  <c:v>0</c:v>
                </c:pt>
                <c:pt idx="371">
                  <c:v>14</c:v>
                </c:pt>
                <c:pt idx="372">
                  <c:v>62.6</c:v>
                </c:pt>
                <c:pt idx="373">
                  <c:v>3.1</c:v>
                </c:pt>
                <c:pt idx="374">
                  <c:v>0</c:v>
                </c:pt>
                <c:pt idx="375">
                  <c:v>0</c:v>
                </c:pt>
                <c:pt idx="376">
                  <c:v>0</c:v>
                </c:pt>
                <c:pt idx="377">
                  <c:v>0</c:v>
                </c:pt>
                <c:pt idx="378">
                  <c:v>0</c:v>
                </c:pt>
                <c:pt idx="379">
                  <c:v>0</c:v>
                </c:pt>
                <c:pt idx="380">
                  <c:v>0</c:v>
                </c:pt>
                <c:pt idx="381">
                  <c:v>0</c:v>
                </c:pt>
                <c:pt idx="382">
                  <c:v>0.4</c:v>
                </c:pt>
                <c:pt idx="383">
                  <c:v>0</c:v>
                </c:pt>
                <c:pt idx="384">
                  <c:v>0</c:v>
                </c:pt>
                <c:pt idx="385">
                  <c:v>113.5</c:v>
                </c:pt>
                <c:pt idx="386">
                  <c:v>0</c:v>
                </c:pt>
                <c:pt idx="387">
                  <c:v>0</c:v>
                </c:pt>
                <c:pt idx="388">
                  <c:v>0</c:v>
                </c:pt>
                <c:pt idx="389">
                  <c:v>53.1</c:v>
                </c:pt>
                <c:pt idx="390">
                  <c:v>0</c:v>
                </c:pt>
                <c:pt idx="391">
                  <c:v>0</c:v>
                </c:pt>
                <c:pt idx="392">
                  <c:v>14.1</c:v>
                </c:pt>
                <c:pt idx="393">
                  <c:v>10.8</c:v>
                </c:pt>
                <c:pt idx="394">
                  <c:v>6</c:v>
                </c:pt>
                <c:pt idx="395">
                  <c:v>0</c:v>
                </c:pt>
                <c:pt idx="396">
                  <c:v>0</c:v>
                </c:pt>
                <c:pt idx="397">
                  <c:v>0</c:v>
                </c:pt>
                <c:pt idx="398">
                  <c:v>0</c:v>
                </c:pt>
                <c:pt idx="399">
                  <c:v>4.5999999999999996</c:v>
                </c:pt>
                <c:pt idx="400">
                  <c:v>7.2</c:v>
                </c:pt>
                <c:pt idx="401">
                  <c:v>0.3</c:v>
                </c:pt>
                <c:pt idx="402">
                  <c:v>0</c:v>
                </c:pt>
                <c:pt idx="403">
                  <c:v>0</c:v>
                </c:pt>
                <c:pt idx="404">
                  <c:v>0</c:v>
                </c:pt>
                <c:pt idx="405">
                  <c:v>0</c:v>
                </c:pt>
                <c:pt idx="406">
                  <c:v>5.9</c:v>
                </c:pt>
                <c:pt idx="407">
                  <c:v>0</c:v>
                </c:pt>
                <c:pt idx="408">
                  <c:v>0</c:v>
                </c:pt>
                <c:pt idx="409">
                  <c:v>0</c:v>
                </c:pt>
                <c:pt idx="410">
                  <c:v>4.5</c:v>
                </c:pt>
                <c:pt idx="411">
                  <c:v>0</c:v>
                </c:pt>
                <c:pt idx="412">
                  <c:v>0</c:v>
                </c:pt>
                <c:pt idx="413">
                  <c:v>0.3</c:v>
                </c:pt>
                <c:pt idx="414">
                  <c:v>0</c:v>
                </c:pt>
                <c:pt idx="415">
                  <c:v>34</c:v>
                </c:pt>
                <c:pt idx="416">
                  <c:v>17.399999999999999</c:v>
                </c:pt>
                <c:pt idx="417">
                  <c:v>5.0999999999999996</c:v>
                </c:pt>
                <c:pt idx="418">
                  <c:v>0</c:v>
                </c:pt>
                <c:pt idx="419">
                  <c:v>0</c:v>
                </c:pt>
                <c:pt idx="420">
                  <c:v>11.2</c:v>
                </c:pt>
                <c:pt idx="421">
                  <c:v>0</c:v>
                </c:pt>
                <c:pt idx="422">
                  <c:v>18.8</c:v>
                </c:pt>
                <c:pt idx="423">
                  <c:v>0</c:v>
                </c:pt>
                <c:pt idx="424">
                  <c:v>0</c:v>
                </c:pt>
                <c:pt idx="425">
                  <c:v>0</c:v>
                </c:pt>
                <c:pt idx="426">
                  <c:v>0</c:v>
                </c:pt>
                <c:pt idx="427">
                  <c:v>18.8</c:v>
                </c:pt>
                <c:pt idx="428">
                  <c:v>0</c:v>
                </c:pt>
                <c:pt idx="429">
                  <c:v>0</c:v>
                </c:pt>
                <c:pt idx="430">
                  <c:v>0</c:v>
                </c:pt>
                <c:pt idx="431">
                  <c:v>0</c:v>
                </c:pt>
                <c:pt idx="432">
                  <c:v>0</c:v>
                </c:pt>
                <c:pt idx="433">
                  <c:v>0</c:v>
                </c:pt>
                <c:pt idx="434">
                  <c:v>20.3</c:v>
                </c:pt>
                <c:pt idx="435">
                  <c:v>0</c:v>
                </c:pt>
                <c:pt idx="436">
                  <c:v>0</c:v>
                </c:pt>
                <c:pt idx="437">
                  <c:v>0</c:v>
                </c:pt>
                <c:pt idx="438">
                  <c:v>0</c:v>
                </c:pt>
                <c:pt idx="439">
                  <c:v>0</c:v>
                </c:pt>
                <c:pt idx="440">
                  <c:v>0</c:v>
                </c:pt>
                <c:pt idx="441">
                  <c:v>0</c:v>
                </c:pt>
                <c:pt idx="442">
                  <c:v>0</c:v>
                </c:pt>
                <c:pt idx="443">
                  <c:v>0</c:v>
                </c:pt>
                <c:pt idx="444">
                  <c:v>20.2</c:v>
                </c:pt>
                <c:pt idx="445">
                  <c:v>1.4</c:v>
                </c:pt>
                <c:pt idx="446">
                  <c:v>0</c:v>
                </c:pt>
                <c:pt idx="447">
                  <c:v>0</c:v>
                </c:pt>
                <c:pt idx="448">
                  <c:v>0</c:v>
                </c:pt>
                <c:pt idx="449">
                  <c:v>0</c:v>
                </c:pt>
                <c:pt idx="450">
                  <c:v>0.3</c:v>
                </c:pt>
                <c:pt idx="451">
                  <c:v>4</c:v>
                </c:pt>
                <c:pt idx="452">
                  <c:v>0</c:v>
                </c:pt>
                <c:pt idx="453">
                  <c:v>0</c:v>
                </c:pt>
                <c:pt idx="454">
                  <c:v>0</c:v>
                </c:pt>
                <c:pt idx="455">
                  <c:v>0</c:v>
                </c:pt>
                <c:pt idx="456">
                  <c:v>0</c:v>
                </c:pt>
                <c:pt idx="457">
                  <c:v>0</c:v>
                </c:pt>
                <c:pt idx="458">
                  <c:v>0.5</c:v>
                </c:pt>
                <c:pt idx="459">
                  <c:v>0</c:v>
                </c:pt>
                <c:pt idx="460">
                  <c:v>0</c:v>
                </c:pt>
                <c:pt idx="461">
                  <c:v>0</c:v>
                </c:pt>
                <c:pt idx="462">
                  <c:v>25.8</c:v>
                </c:pt>
                <c:pt idx="463">
                  <c:v>5.2</c:v>
                </c:pt>
                <c:pt idx="464">
                  <c:v>4.9000000000000004</c:v>
                </c:pt>
                <c:pt idx="465">
                  <c:v>11.1</c:v>
                </c:pt>
                <c:pt idx="466">
                  <c:v>4.9000000000000004</c:v>
                </c:pt>
                <c:pt idx="467">
                  <c:v>0</c:v>
                </c:pt>
                <c:pt idx="468">
                  <c:v>0</c:v>
                </c:pt>
                <c:pt idx="469">
                  <c:v>18.2</c:v>
                </c:pt>
                <c:pt idx="470">
                  <c:v>9.6999999999999993</c:v>
                </c:pt>
                <c:pt idx="471">
                  <c:v>7.7</c:v>
                </c:pt>
                <c:pt idx="472">
                  <c:v>1</c:v>
                </c:pt>
                <c:pt idx="473">
                  <c:v>0</c:v>
                </c:pt>
                <c:pt idx="474">
                  <c:v>0</c:v>
                </c:pt>
                <c:pt idx="475">
                  <c:v>0</c:v>
                </c:pt>
                <c:pt idx="476">
                  <c:v>0</c:v>
                </c:pt>
                <c:pt idx="477">
                  <c:v>3.4</c:v>
                </c:pt>
                <c:pt idx="478">
                  <c:v>0</c:v>
                </c:pt>
                <c:pt idx="479">
                  <c:v>0</c:v>
                </c:pt>
                <c:pt idx="480">
                  <c:v>0</c:v>
                </c:pt>
                <c:pt idx="481">
                  <c:v>0</c:v>
                </c:pt>
                <c:pt idx="482">
                  <c:v>0</c:v>
                </c:pt>
                <c:pt idx="483">
                  <c:v>63.3</c:v>
                </c:pt>
                <c:pt idx="484">
                  <c:v>0</c:v>
                </c:pt>
                <c:pt idx="485">
                  <c:v>5.6</c:v>
                </c:pt>
                <c:pt idx="486">
                  <c:v>25.2</c:v>
                </c:pt>
                <c:pt idx="487">
                  <c:v>0</c:v>
                </c:pt>
                <c:pt idx="488">
                  <c:v>0</c:v>
                </c:pt>
                <c:pt idx="489">
                  <c:v>0</c:v>
                </c:pt>
                <c:pt idx="490">
                  <c:v>3</c:v>
                </c:pt>
                <c:pt idx="491">
                  <c:v>20.6</c:v>
                </c:pt>
                <c:pt idx="492">
                  <c:v>0.9</c:v>
                </c:pt>
                <c:pt idx="493">
                  <c:v>4.5999999999999996</c:v>
                </c:pt>
                <c:pt idx="494">
                  <c:v>0</c:v>
                </c:pt>
                <c:pt idx="495">
                  <c:v>0</c:v>
                </c:pt>
                <c:pt idx="496">
                  <c:v>0</c:v>
                </c:pt>
                <c:pt idx="497">
                  <c:v>0.2</c:v>
                </c:pt>
                <c:pt idx="498">
                  <c:v>0</c:v>
                </c:pt>
                <c:pt idx="499">
                  <c:v>0</c:v>
                </c:pt>
                <c:pt idx="500">
                  <c:v>0.9</c:v>
                </c:pt>
                <c:pt idx="501">
                  <c:v>10.7</c:v>
                </c:pt>
                <c:pt idx="502">
                  <c:v>0</c:v>
                </c:pt>
                <c:pt idx="503">
                  <c:v>0</c:v>
                </c:pt>
                <c:pt idx="504">
                  <c:v>57.4</c:v>
                </c:pt>
                <c:pt idx="505">
                  <c:v>0.1</c:v>
                </c:pt>
                <c:pt idx="506">
                  <c:v>4.4000000000000004</c:v>
                </c:pt>
                <c:pt idx="507">
                  <c:v>0.8</c:v>
                </c:pt>
                <c:pt idx="508">
                  <c:v>0</c:v>
                </c:pt>
                <c:pt idx="509">
                  <c:v>0</c:v>
                </c:pt>
                <c:pt idx="510">
                  <c:v>0</c:v>
                </c:pt>
                <c:pt idx="511">
                  <c:v>0</c:v>
                </c:pt>
                <c:pt idx="512">
                  <c:v>0</c:v>
                </c:pt>
                <c:pt idx="513">
                  <c:v>0.6</c:v>
                </c:pt>
                <c:pt idx="514">
                  <c:v>11.8</c:v>
                </c:pt>
                <c:pt idx="515">
                  <c:v>3.3</c:v>
                </c:pt>
                <c:pt idx="516">
                  <c:v>0</c:v>
                </c:pt>
                <c:pt idx="517">
                  <c:v>0</c:v>
                </c:pt>
                <c:pt idx="518">
                  <c:v>20.3</c:v>
                </c:pt>
                <c:pt idx="519">
                  <c:v>0</c:v>
                </c:pt>
                <c:pt idx="520">
                  <c:v>2.5</c:v>
                </c:pt>
                <c:pt idx="521">
                  <c:v>15.9</c:v>
                </c:pt>
                <c:pt idx="522">
                  <c:v>9.1</c:v>
                </c:pt>
                <c:pt idx="523">
                  <c:v>0</c:v>
                </c:pt>
                <c:pt idx="524">
                  <c:v>0</c:v>
                </c:pt>
                <c:pt idx="525">
                  <c:v>3.9</c:v>
                </c:pt>
                <c:pt idx="526">
                  <c:v>49.5</c:v>
                </c:pt>
                <c:pt idx="527">
                  <c:v>0</c:v>
                </c:pt>
                <c:pt idx="528">
                  <c:v>2.5</c:v>
                </c:pt>
                <c:pt idx="529">
                  <c:v>0</c:v>
                </c:pt>
                <c:pt idx="530">
                  <c:v>0</c:v>
                </c:pt>
                <c:pt idx="531">
                  <c:v>0</c:v>
                </c:pt>
                <c:pt idx="532">
                  <c:v>9.1999999999999993</c:v>
                </c:pt>
                <c:pt idx="533">
                  <c:v>10</c:v>
                </c:pt>
                <c:pt idx="534">
                  <c:v>1.8</c:v>
                </c:pt>
                <c:pt idx="535">
                  <c:v>0</c:v>
                </c:pt>
                <c:pt idx="536">
                  <c:v>15.8</c:v>
                </c:pt>
                <c:pt idx="537">
                  <c:v>0</c:v>
                </c:pt>
                <c:pt idx="538">
                  <c:v>0</c:v>
                </c:pt>
                <c:pt idx="539">
                  <c:v>0</c:v>
                </c:pt>
                <c:pt idx="540">
                  <c:v>61.4</c:v>
                </c:pt>
                <c:pt idx="541">
                  <c:v>9.6</c:v>
                </c:pt>
                <c:pt idx="542">
                  <c:v>0.6</c:v>
                </c:pt>
                <c:pt idx="543">
                  <c:v>1.7</c:v>
                </c:pt>
                <c:pt idx="544">
                  <c:v>0</c:v>
                </c:pt>
                <c:pt idx="545">
                  <c:v>0</c:v>
                </c:pt>
                <c:pt idx="546">
                  <c:v>11.7</c:v>
                </c:pt>
                <c:pt idx="547">
                  <c:v>0.4</c:v>
                </c:pt>
                <c:pt idx="548">
                  <c:v>0.8</c:v>
                </c:pt>
                <c:pt idx="549">
                  <c:v>0</c:v>
                </c:pt>
                <c:pt idx="550">
                  <c:v>0</c:v>
                </c:pt>
                <c:pt idx="551">
                  <c:v>0</c:v>
                </c:pt>
                <c:pt idx="552">
                  <c:v>0</c:v>
                </c:pt>
                <c:pt idx="553">
                  <c:v>16.100000000000001</c:v>
                </c:pt>
                <c:pt idx="554">
                  <c:v>0</c:v>
                </c:pt>
                <c:pt idx="555">
                  <c:v>0</c:v>
                </c:pt>
                <c:pt idx="556">
                  <c:v>0</c:v>
                </c:pt>
                <c:pt idx="557">
                  <c:v>0</c:v>
                </c:pt>
                <c:pt idx="558">
                  <c:v>0</c:v>
                </c:pt>
                <c:pt idx="559">
                  <c:v>0</c:v>
                </c:pt>
                <c:pt idx="560">
                  <c:v>7</c:v>
                </c:pt>
                <c:pt idx="561">
                  <c:v>3.3</c:v>
                </c:pt>
                <c:pt idx="562">
                  <c:v>0</c:v>
                </c:pt>
                <c:pt idx="563">
                  <c:v>0</c:v>
                </c:pt>
                <c:pt idx="564">
                  <c:v>0</c:v>
                </c:pt>
                <c:pt idx="565">
                  <c:v>0</c:v>
                </c:pt>
                <c:pt idx="566">
                  <c:v>0</c:v>
                </c:pt>
                <c:pt idx="567">
                  <c:v>0</c:v>
                </c:pt>
                <c:pt idx="568">
                  <c:v>0</c:v>
                </c:pt>
                <c:pt idx="569">
                  <c:v>0</c:v>
                </c:pt>
                <c:pt idx="570">
                  <c:v>0</c:v>
                </c:pt>
                <c:pt idx="571">
                  <c:v>0</c:v>
                </c:pt>
                <c:pt idx="572">
                  <c:v>0</c:v>
                </c:pt>
                <c:pt idx="573">
                  <c:v>0</c:v>
                </c:pt>
                <c:pt idx="574">
                  <c:v>25</c:v>
                </c:pt>
                <c:pt idx="575">
                  <c:v>17.5</c:v>
                </c:pt>
                <c:pt idx="576">
                  <c:v>0.6</c:v>
                </c:pt>
                <c:pt idx="577">
                  <c:v>0</c:v>
                </c:pt>
                <c:pt idx="578">
                  <c:v>0</c:v>
                </c:pt>
                <c:pt idx="579">
                  <c:v>0</c:v>
                </c:pt>
                <c:pt idx="580">
                  <c:v>0</c:v>
                </c:pt>
                <c:pt idx="581">
                  <c:v>69.8</c:v>
                </c:pt>
                <c:pt idx="582">
                  <c:v>0</c:v>
                </c:pt>
                <c:pt idx="583">
                  <c:v>0</c:v>
                </c:pt>
                <c:pt idx="584">
                  <c:v>0</c:v>
                </c:pt>
                <c:pt idx="585">
                  <c:v>8.8000000000000007</c:v>
                </c:pt>
                <c:pt idx="586">
                  <c:v>0</c:v>
                </c:pt>
                <c:pt idx="587">
                  <c:v>0</c:v>
                </c:pt>
                <c:pt idx="588">
                  <c:v>15.2</c:v>
                </c:pt>
                <c:pt idx="589">
                  <c:v>8.6999999999999993</c:v>
                </c:pt>
                <c:pt idx="590">
                  <c:v>0</c:v>
                </c:pt>
                <c:pt idx="591">
                  <c:v>2.5</c:v>
                </c:pt>
                <c:pt idx="592">
                  <c:v>7.9</c:v>
                </c:pt>
                <c:pt idx="593">
                  <c:v>0</c:v>
                </c:pt>
                <c:pt idx="594">
                  <c:v>0</c:v>
                </c:pt>
                <c:pt idx="595">
                  <c:v>30.8</c:v>
                </c:pt>
                <c:pt idx="596">
                  <c:v>0</c:v>
                </c:pt>
                <c:pt idx="597">
                  <c:v>0</c:v>
                </c:pt>
                <c:pt idx="598">
                  <c:v>3.3</c:v>
                </c:pt>
                <c:pt idx="599">
                  <c:v>20</c:v>
                </c:pt>
                <c:pt idx="600">
                  <c:v>0</c:v>
                </c:pt>
                <c:pt idx="601">
                  <c:v>0</c:v>
                </c:pt>
                <c:pt idx="602">
                  <c:v>10.1</c:v>
                </c:pt>
                <c:pt idx="603">
                  <c:v>0</c:v>
                </c:pt>
                <c:pt idx="604">
                  <c:v>0</c:v>
                </c:pt>
                <c:pt idx="605">
                  <c:v>0.3</c:v>
                </c:pt>
                <c:pt idx="606">
                  <c:v>1.5</c:v>
                </c:pt>
                <c:pt idx="607">
                  <c:v>0</c:v>
                </c:pt>
                <c:pt idx="608">
                  <c:v>0</c:v>
                </c:pt>
                <c:pt idx="609">
                  <c:v>47.5</c:v>
                </c:pt>
                <c:pt idx="610">
                  <c:v>0</c:v>
                </c:pt>
                <c:pt idx="611">
                  <c:v>0.2</c:v>
                </c:pt>
                <c:pt idx="612">
                  <c:v>0</c:v>
                </c:pt>
                <c:pt idx="613">
                  <c:v>0</c:v>
                </c:pt>
                <c:pt idx="614">
                  <c:v>0</c:v>
                </c:pt>
                <c:pt idx="615">
                  <c:v>0</c:v>
                </c:pt>
                <c:pt idx="616">
                  <c:v>0</c:v>
                </c:pt>
                <c:pt idx="617">
                  <c:v>0</c:v>
                </c:pt>
                <c:pt idx="618">
                  <c:v>0</c:v>
                </c:pt>
                <c:pt idx="619">
                  <c:v>0</c:v>
                </c:pt>
                <c:pt idx="620">
                  <c:v>0</c:v>
                </c:pt>
                <c:pt idx="621">
                  <c:v>0</c:v>
                </c:pt>
                <c:pt idx="622">
                  <c:v>0</c:v>
                </c:pt>
                <c:pt idx="623">
                  <c:v>5</c:v>
                </c:pt>
                <c:pt idx="624">
                  <c:v>0</c:v>
                </c:pt>
                <c:pt idx="625">
                  <c:v>34.700000000000003</c:v>
                </c:pt>
                <c:pt idx="626">
                  <c:v>6.8</c:v>
                </c:pt>
                <c:pt idx="627">
                  <c:v>0</c:v>
                </c:pt>
                <c:pt idx="628">
                  <c:v>0</c:v>
                </c:pt>
                <c:pt idx="629">
                  <c:v>0</c:v>
                </c:pt>
                <c:pt idx="630">
                  <c:v>0.7</c:v>
                </c:pt>
                <c:pt idx="631">
                  <c:v>0</c:v>
                </c:pt>
                <c:pt idx="632">
                  <c:v>0</c:v>
                </c:pt>
                <c:pt idx="633">
                  <c:v>0</c:v>
                </c:pt>
                <c:pt idx="634">
                  <c:v>0</c:v>
                </c:pt>
                <c:pt idx="635">
                  <c:v>0</c:v>
                </c:pt>
                <c:pt idx="636">
                  <c:v>0</c:v>
                </c:pt>
                <c:pt idx="637">
                  <c:v>0</c:v>
                </c:pt>
                <c:pt idx="638">
                  <c:v>0</c:v>
                </c:pt>
                <c:pt idx="639">
                  <c:v>0</c:v>
                </c:pt>
                <c:pt idx="640">
                  <c:v>3.9</c:v>
                </c:pt>
                <c:pt idx="641">
                  <c:v>0.3</c:v>
                </c:pt>
                <c:pt idx="642">
                  <c:v>0</c:v>
                </c:pt>
                <c:pt idx="643">
                  <c:v>0</c:v>
                </c:pt>
                <c:pt idx="644">
                  <c:v>0</c:v>
                </c:pt>
                <c:pt idx="645">
                  <c:v>0</c:v>
                </c:pt>
                <c:pt idx="646">
                  <c:v>0</c:v>
                </c:pt>
                <c:pt idx="647">
                  <c:v>0</c:v>
                </c:pt>
                <c:pt idx="648">
                  <c:v>0</c:v>
                </c:pt>
                <c:pt idx="649">
                  <c:v>0</c:v>
                </c:pt>
                <c:pt idx="650">
                  <c:v>0</c:v>
                </c:pt>
                <c:pt idx="651">
                  <c:v>0</c:v>
                </c:pt>
                <c:pt idx="652">
                  <c:v>0</c:v>
                </c:pt>
                <c:pt idx="653">
                  <c:v>0</c:v>
                </c:pt>
                <c:pt idx="654">
                  <c:v>0</c:v>
                </c:pt>
                <c:pt idx="655">
                  <c:v>0</c:v>
                </c:pt>
                <c:pt idx="656">
                  <c:v>0</c:v>
                </c:pt>
                <c:pt idx="657">
                  <c:v>0</c:v>
                </c:pt>
                <c:pt idx="658">
                  <c:v>0</c:v>
                </c:pt>
                <c:pt idx="659">
                  <c:v>15.7</c:v>
                </c:pt>
                <c:pt idx="660">
                  <c:v>0</c:v>
                </c:pt>
                <c:pt idx="661">
                  <c:v>0</c:v>
                </c:pt>
                <c:pt idx="662">
                  <c:v>0</c:v>
                </c:pt>
                <c:pt idx="663">
                  <c:v>0</c:v>
                </c:pt>
                <c:pt idx="664">
                  <c:v>0</c:v>
                </c:pt>
                <c:pt idx="665">
                  <c:v>0</c:v>
                </c:pt>
                <c:pt idx="666">
                  <c:v>0</c:v>
                </c:pt>
                <c:pt idx="667">
                  <c:v>0</c:v>
                </c:pt>
                <c:pt idx="668">
                  <c:v>0</c:v>
                </c:pt>
                <c:pt idx="669">
                  <c:v>0</c:v>
                </c:pt>
                <c:pt idx="670">
                  <c:v>0</c:v>
                </c:pt>
                <c:pt idx="671">
                  <c:v>0</c:v>
                </c:pt>
                <c:pt idx="672">
                  <c:v>27.5</c:v>
                </c:pt>
                <c:pt idx="673">
                  <c:v>0</c:v>
                </c:pt>
                <c:pt idx="674">
                  <c:v>13.7</c:v>
                </c:pt>
                <c:pt idx="675">
                  <c:v>0</c:v>
                </c:pt>
                <c:pt idx="676">
                  <c:v>8.1</c:v>
                </c:pt>
                <c:pt idx="677">
                  <c:v>0</c:v>
                </c:pt>
                <c:pt idx="678">
                  <c:v>0</c:v>
                </c:pt>
                <c:pt idx="679">
                  <c:v>0</c:v>
                </c:pt>
                <c:pt idx="680">
                  <c:v>0</c:v>
                </c:pt>
                <c:pt idx="681">
                  <c:v>2.4</c:v>
                </c:pt>
                <c:pt idx="682">
                  <c:v>0</c:v>
                </c:pt>
                <c:pt idx="683">
                  <c:v>0</c:v>
                </c:pt>
                <c:pt idx="684">
                  <c:v>0</c:v>
                </c:pt>
                <c:pt idx="685">
                  <c:v>0</c:v>
                </c:pt>
                <c:pt idx="686">
                  <c:v>40</c:v>
                </c:pt>
                <c:pt idx="687">
                  <c:v>5.3</c:v>
                </c:pt>
                <c:pt idx="688">
                  <c:v>2.2999999999999998</c:v>
                </c:pt>
                <c:pt idx="689">
                  <c:v>21.4</c:v>
                </c:pt>
                <c:pt idx="690">
                  <c:v>0</c:v>
                </c:pt>
                <c:pt idx="691">
                  <c:v>0</c:v>
                </c:pt>
                <c:pt idx="692">
                  <c:v>0</c:v>
                </c:pt>
                <c:pt idx="693">
                  <c:v>1.5</c:v>
                </c:pt>
                <c:pt idx="694">
                  <c:v>0.1</c:v>
                </c:pt>
                <c:pt idx="695">
                  <c:v>0</c:v>
                </c:pt>
                <c:pt idx="696">
                  <c:v>0</c:v>
                </c:pt>
                <c:pt idx="697">
                  <c:v>0</c:v>
                </c:pt>
                <c:pt idx="698">
                  <c:v>0</c:v>
                </c:pt>
                <c:pt idx="699">
                  <c:v>0</c:v>
                </c:pt>
                <c:pt idx="700">
                  <c:v>7.9</c:v>
                </c:pt>
                <c:pt idx="701">
                  <c:v>59.3</c:v>
                </c:pt>
                <c:pt idx="702">
                  <c:v>40.4</c:v>
                </c:pt>
                <c:pt idx="703">
                  <c:v>0</c:v>
                </c:pt>
                <c:pt idx="704">
                  <c:v>0.2</c:v>
                </c:pt>
                <c:pt idx="705">
                  <c:v>0</c:v>
                </c:pt>
                <c:pt idx="706">
                  <c:v>0</c:v>
                </c:pt>
                <c:pt idx="707">
                  <c:v>0.3</c:v>
                </c:pt>
                <c:pt idx="708">
                  <c:v>18.600000000000001</c:v>
                </c:pt>
                <c:pt idx="709">
                  <c:v>17.3</c:v>
                </c:pt>
                <c:pt idx="710">
                  <c:v>0</c:v>
                </c:pt>
                <c:pt idx="711">
                  <c:v>0</c:v>
                </c:pt>
                <c:pt idx="712">
                  <c:v>0</c:v>
                </c:pt>
                <c:pt idx="713">
                  <c:v>0</c:v>
                </c:pt>
                <c:pt idx="714">
                  <c:v>0</c:v>
                </c:pt>
                <c:pt idx="715">
                  <c:v>0</c:v>
                </c:pt>
                <c:pt idx="716">
                  <c:v>0</c:v>
                </c:pt>
                <c:pt idx="717">
                  <c:v>0</c:v>
                </c:pt>
                <c:pt idx="718">
                  <c:v>0</c:v>
                </c:pt>
                <c:pt idx="719">
                  <c:v>0</c:v>
                </c:pt>
                <c:pt idx="720">
                  <c:v>0</c:v>
                </c:pt>
                <c:pt idx="721">
                  <c:v>54.6</c:v>
                </c:pt>
                <c:pt idx="722">
                  <c:v>1.8</c:v>
                </c:pt>
                <c:pt idx="723">
                  <c:v>0.8</c:v>
                </c:pt>
                <c:pt idx="724">
                  <c:v>0</c:v>
                </c:pt>
                <c:pt idx="725">
                  <c:v>0</c:v>
                </c:pt>
                <c:pt idx="726">
                  <c:v>0</c:v>
                </c:pt>
                <c:pt idx="727">
                  <c:v>0</c:v>
                </c:pt>
                <c:pt idx="728">
                  <c:v>1.4</c:v>
                </c:pt>
                <c:pt idx="729">
                  <c:v>0.1</c:v>
                </c:pt>
                <c:pt idx="730">
                  <c:v>1.4</c:v>
                </c:pt>
                <c:pt idx="731">
                  <c:v>0</c:v>
                </c:pt>
                <c:pt idx="732">
                  <c:v>7.9</c:v>
                </c:pt>
                <c:pt idx="733">
                  <c:v>0</c:v>
                </c:pt>
                <c:pt idx="734">
                  <c:v>0</c:v>
                </c:pt>
                <c:pt idx="735">
                  <c:v>16.399999999999999</c:v>
                </c:pt>
                <c:pt idx="736">
                  <c:v>0</c:v>
                </c:pt>
                <c:pt idx="737">
                  <c:v>1.3</c:v>
                </c:pt>
                <c:pt idx="738">
                  <c:v>0</c:v>
                </c:pt>
                <c:pt idx="739">
                  <c:v>0</c:v>
                </c:pt>
                <c:pt idx="740">
                  <c:v>0</c:v>
                </c:pt>
                <c:pt idx="741">
                  <c:v>0</c:v>
                </c:pt>
                <c:pt idx="742">
                  <c:v>4.5999999999999996</c:v>
                </c:pt>
                <c:pt idx="743">
                  <c:v>0.5</c:v>
                </c:pt>
                <c:pt idx="744">
                  <c:v>0</c:v>
                </c:pt>
                <c:pt idx="745">
                  <c:v>0</c:v>
                </c:pt>
                <c:pt idx="746">
                  <c:v>0.5</c:v>
                </c:pt>
                <c:pt idx="747">
                  <c:v>0</c:v>
                </c:pt>
                <c:pt idx="748">
                  <c:v>0</c:v>
                </c:pt>
                <c:pt idx="749">
                  <c:v>0</c:v>
                </c:pt>
                <c:pt idx="750">
                  <c:v>0</c:v>
                </c:pt>
                <c:pt idx="751">
                  <c:v>0</c:v>
                </c:pt>
                <c:pt idx="752">
                  <c:v>0</c:v>
                </c:pt>
                <c:pt idx="753">
                  <c:v>0</c:v>
                </c:pt>
                <c:pt idx="754">
                  <c:v>0</c:v>
                </c:pt>
                <c:pt idx="755">
                  <c:v>0</c:v>
                </c:pt>
                <c:pt idx="756">
                  <c:v>21</c:v>
                </c:pt>
                <c:pt idx="757">
                  <c:v>46.4</c:v>
                </c:pt>
                <c:pt idx="758">
                  <c:v>10.5</c:v>
                </c:pt>
                <c:pt idx="759">
                  <c:v>0.2</c:v>
                </c:pt>
                <c:pt idx="760">
                  <c:v>0.4</c:v>
                </c:pt>
                <c:pt idx="761">
                  <c:v>0</c:v>
                </c:pt>
                <c:pt idx="762">
                  <c:v>0</c:v>
                </c:pt>
                <c:pt idx="763">
                  <c:v>46.9</c:v>
                </c:pt>
                <c:pt idx="764">
                  <c:v>0</c:v>
                </c:pt>
                <c:pt idx="765">
                  <c:v>0.1</c:v>
                </c:pt>
                <c:pt idx="766">
                  <c:v>0.3</c:v>
                </c:pt>
                <c:pt idx="767">
                  <c:v>7.2</c:v>
                </c:pt>
                <c:pt idx="768">
                  <c:v>0</c:v>
                </c:pt>
                <c:pt idx="769">
                  <c:v>0</c:v>
                </c:pt>
                <c:pt idx="770">
                  <c:v>0</c:v>
                </c:pt>
                <c:pt idx="771">
                  <c:v>1.2</c:v>
                </c:pt>
                <c:pt idx="772">
                  <c:v>15.8</c:v>
                </c:pt>
                <c:pt idx="773">
                  <c:v>1.1000000000000001</c:v>
                </c:pt>
                <c:pt idx="774">
                  <c:v>11.9</c:v>
                </c:pt>
                <c:pt idx="775">
                  <c:v>0</c:v>
                </c:pt>
                <c:pt idx="776">
                  <c:v>0</c:v>
                </c:pt>
                <c:pt idx="777">
                  <c:v>38.6</c:v>
                </c:pt>
                <c:pt idx="778">
                  <c:v>0</c:v>
                </c:pt>
                <c:pt idx="779">
                  <c:v>0</c:v>
                </c:pt>
                <c:pt idx="780">
                  <c:v>0</c:v>
                </c:pt>
                <c:pt idx="781">
                  <c:v>0</c:v>
                </c:pt>
                <c:pt idx="782">
                  <c:v>0</c:v>
                </c:pt>
                <c:pt idx="783">
                  <c:v>0</c:v>
                </c:pt>
                <c:pt idx="784">
                  <c:v>0.7</c:v>
                </c:pt>
                <c:pt idx="785">
                  <c:v>0</c:v>
                </c:pt>
                <c:pt idx="786">
                  <c:v>0</c:v>
                </c:pt>
                <c:pt idx="787">
                  <c:v>0</c:v>
                </c:pt>
                <c:pt idx="788">
                  <c:v>0</c:v>
                </c:pt>
                <c:pt idx="789">
                  <c:v>0</c:v>
                </c:pt>
                <c:pt idx="790">
                  <c:v>0</c:v>
                </c:pt>
                <c:pt idx="791">
                  <c:v>0</c:v>
                </c:pt>
                <c:pt idx="792">
                  <c:v>0</c:v>
                </c:pt>
                <c:pt idx="793">
                  <c:v>0</c:v>
                </c:pt>
                <c:pt idx="794">
                  <c:v>0</c:v>
                </c:pt>
                <c:pt idx="795">
                  <c:v>0.2</c:v>
                </c:pt>
                <c:pt idx="796">
                  <c:v>0</c:v>
                </c:pt>
                <c:pt idx="797">
                  <c:v>0</c:v>
                </c:pt>
                <c:pt idx="798">
                  <c:v>0</c:v>
                </c:pt>
                <c:pt idx="799">
                  <c:v>0</c:v>
                </c:pt>
                <c:pt idx="800">
                  <c:v>0.2</c:v>
                </c:pt>
                <c:pt idx="801">
                  <c:v>0</c:v>
                </c:pt>
                <c:pt idx="802">
                  <c:v>0</c:v>
                </c:pt>
                <c:pt idx="803">
                  <c:v>0</c:v>
                </c:pt>
                <c:pt idx="804">
                  <c:v>0</c:v>
                </c:pt>
                <c:pt idx="805">
                  <c:v>3.8</c:v>
                </c:pt>
                <c:pt idx="806">
                  <c:v>0</c:v>
                </c:pt>
                <c:pt idx="807">
                  <c:v>0</c:v>
                </c:pt>
                <c:pt idx="808">
                  <c:v>0</c:v>
                </c:pt>
                <c:pt idx="809">
                  <c:v>0</c:v>
                </c:pt>
                <c:pt idx="810">
                  <c:v>0</c:v>
                </c:pt>
                <c:pt idx="811">
                  <c:v>0</c:v>
                </c:pt>
                <c:pt idx="812">
                  <c:v>54.3</c:v>
                </c:pt>
                <c:pt idx="813">
                  <c:v>0</c:v>
                </c:pt>
                <c:pt idx="814">
                  <c:v>0</c:v>
                </c:pt>
                <c:pt idx="815">
                  <c:v>3.3</c:v>
                </c:pt>
                <c:pt idx="816">
                  <c:v>0.9</c:v>
                </c:pt>
                <c:pt idx="817">
                  <c:v>0</c:v>
                </c:pt>
                <c:pt idx="818">
                  <c:v>0</c:v>
                </c:pt>
                <c:pt idx="819">
                  <c:v>41.8</c:v>
                </c:pt>
                <c:pt idx="820">
                  <c:v>0</c:v>
                </c:pt>
                <c:pt idx="821">
                  <c:v>0</c:v>
                </c:pt>
                <c:pt idx="822">
                  <c:v>0</c:v>
                </c:pt>
                <c:pt idx="823">
                  <c:v>0</c:v>
                </c:pt>
                <c:pt idx="824">
                  <c:v>0</c:v>
                </c:pt>
                <c:pt idx="825">
                  <c:v>0</c:v>
                </c:pt>
                <c:pt idx="826">
                  <c:v>0</c:v>
                </c:pt>
                <c:pt idx="827">
                  <c:v>0</c:v>
                </c:pt>
                <c:pt idx="828">
                  <c:v>16.399999999999999</c:v>
                </c:pt>
                <c:pt idx="829">
                  <c:v>0.2</c:v>
                </c:pt>
                <c:pt idx="830">
                  <c:v>3</c:v>
                </c:pt>
                <c:pt idx="831">
                  <c:v>0</c:v>
                </c:pt>
                <c:pt idx="832">
                  <c:v>0</c:v>
                </c:pt>
                <c:pt idx="833">
                  <c:v>52</c:v>
                </c:pt>
                <c:pt idx="834">
                  <c:v>0.3</c:v>
                </c:pt>
                <c:pt idx="835">
                  <c:v>0</c:v>
                </c:pt>
                <c:pt idx="836">
                  <c:v>0</c:v>
                </c:pt>
                <c:pt idx="837">
                  <c:v>18.8</c:v>
                </c:pt>
                <c:pt idx="838">
                  <c:v>0</c:v>
                </c:pt>
                <c:pt idx="839">
                  <c:v>0</c:v>
                </c:pt>
                <c:pt idx="840">
                  <c:v>9</c:v>
                </c:pt>
                <c:pt idx="841">
                  <c:v>0.8</c:v>
                </c:pt>
                <c:pt idx="842">
                  <c:v>4.2</c:v>
                </c:pt>
                <c:pt idx="843">
                  <c:v>5</c:v>
                </c:pt>
                <c:pt idx="844">
                  <c:v>19.8</c:v>
                </c:pt>
                <c:pt idx="845">
                  <c:v>0</c:v>
                </c:pt>
                <c:pt idx="846">
                  <c:v>0</c:v>
                </c:pt>
                <c:pt idx="847">
                  <c:v>75.400000000000006</c:v>
                </c:pt>
                <c:pt idx="848">
                  <c:v>0</c:v>
                </c:pt>
                <c:pt idx="849">
                  <c:v>4.7</c:v>
                </c:pt>
                <c:pt idx="850">
                  <c:v>2.9</c:v>
                </c:pt>
                <c:pt idx="851">
                  <c:v>0.6</c:v>
                </c:pt>
                <c:pt idx="852">
                  <c:v>0</c:v>
                </c:pt>
                <c:pt idx="853">
                  <c:v>0</c:v>
                </c:pt>
                <c:pt idx="854">
                  <c:v>30.5</c:v>
                </c:pt>
                <c:pt idx="855">
                  <c:v>30.6</c:v>
                </c:pt>
                <c:pt idx="856">
                  <c:v>22.5</c:v>
                </c:pt>
                <c:pt idx="857">
                  <c:v>6.8</c:v>
                </c:pt>
                <c:pt idx="858">
                  <c:v>22.8</c:v>
                </c:pt>
                <c:pt idx="859">
                  <c:v>0</c:v>
                </c:pt>
                <c:pt idx="860">
                  <c:v>0</c:v>
                </c:pt>
                <c:pt idx="861">
                  <c:v>25.8</c:v>
                </c:pt>
                <c:pt idx="862">
                  <c:v>15.2</c:v>
                </c:pt>
                <c:pt idx="863">
                  <c:v>9.6999999999999993</c:v>
                </c:pt>
                <c:pt idx="864">
                  <c:v>18.5</c:v>
                </c:pt>
                <c:pt idx="865">
                  <c:v>1</c:v>
                </c:pt>
                <c:pt idx="866">
                  <c:v>0</c:v>
                </c:pt>
                <c:pt idx="867">
                  <c:v>0</c:v>
                </c:pt>
                <c:pt idx="868">
                  <c:v>22.3</c:v>
                </c:pt>
                <c:pt idx="869">
                  <c:v>0</c:v>
                </c:pt>
                <c:pt idx="870">
                  <c:v>0</c:v>
                </c:pt>
                <c:pt idx="871">
                  <c:v>0.6</c:v>
                </c:pt>
                <c:pt idx="872">
                  <c:v>0.7</c:v>
                </c:pt>
                <c:pt idx="873">
                  <c:v>0</c:v>
                </c:pt>
                <c:pt idx="874">
                  <c:v>0</c:v>
                </c:pt>
                <c:pt idx="875">
                  <c:v>3.9</c:v>
                </c:pt>
                <c:pt idx="876">
                  <c:v>0</c:v>
                </c:pt>
                <c:pt idx="877">
                  <c:v>0</c:v>
                </c:pt>
                <c:pt idx="878">
                  <c:v>0</c:v>
                </c:pt>
                <c:pt idx="879">
                  <c:v>0</c:v>
                </c:pt>
                <c:pt idx="880">
                  <c:v>0</c:v>
                </c:pt>
                <c:pt idx="881">
                  <c:v>0</c:v>
                </c:pt>
                <c:pt idx="882">
                  <c:v>0</c:v>
                </c:pt>
                <c:pt idx="883">
                  <c:v>0</c:v>
                </c:pt>
                <c:pt idx="884">
                  <c:v>0</c:v>
                </c:pt>
                <c:pt idx="885">
                  <c:v>0</c:v>
                </c:pt>
                <c:pt idx="886">
                  <c:v>0</c:v>
                </c:pt>
                <c:pt idx="887">
                  <c:v>0</c:v>
                </c:pt>
                <c:pt idx="888">
                  <c:v>0</c:v>
                </c:pt>
                <c:pt idx="889">
                  <c:v>0</c:v>
                </c:pt>
                <c:pt idx="890">
                  <c:v>0</c:v>
                </c:pt>
                <c:pt idx="891">
                  <c:v>0</c:v>
                </c:pt>
                <c:pt idx="892">
                  <c:v>0</c:v>
                </c:pt>
                <c:pt idx="893">
                  <c:v>0</c:v>
                </c:pt>
                <c:pt idx="894">
                  <c:v>0</c:v>
                </c:pt>
                <c:pt idx="895">
                  <c:v>0</c:v>
                </c:pt>
                <c:pt idx="896">
                  <c:v>18.8</c:v>
                </c:pt>
                <c:pt idx="897">
                  <c:v>5.6</c:v>
                </c:pt>
                <c:pt idx="898">
                  <c:v>3.2</c:v>
                </c:pt>
                <c:pt idx="899">
                  <c:v>0.2</c:v>
                </c:pt>
                <c:pt idx="900">
                  <c:v>0.4</c:v>
                </c:pt>
                <c:pt idx="901">
                  <c:v>0</c:v>
                </c:pt>
                <c:pt idx="902">
                  <c:v>0</c:v>
                </c:pt>
                <c:pt idx="903">
                  <c:v>0</c:v>
                </c:pt>
                <c:pt idx="904">
                  <c:v>0</c:v>
                </c:pt>
                <c:pt idx="905">
                  <c:v>0</c:v>
                </c:pt>
                <c:pt idx="906">
                  <c:v>0</c:v>
                </c:pt>
                <c:pt idx="907">
                  <c:v>0</c:v>
                </c:pt>
                <c:pt idx="908">
                  <c:v>0</c:v>
                </c:pt>
                <c:pt idx="909">
                  <c:v>0</c:v>
                </c:pt>
                <c:pt idx="910">
                  <c:v>17.8</c:v>
                </c:pt>
                <c:pt idx="911">
                  <c:v>0</c:v>
                </c:pt>
                <c:pt idx="912">
                  <c:v>6.3</c:v>
                </c:pt>
                <c:pt idx="913">
                  <c:v>0</c:v>
                </c:pt>
                <c:pt idx="914">
                  <c:v>0</c:v>
                </c:pt>
                <c:pt idx="915">
                  <c:v>0</c:v>
                </c:pt>
                <c:pt idx="916">
                  <c:v>0</c:v>
                </c:pt>
                <c:pt idx="917">
                  <c:v>3.5</c:v>
                </c:pt>
                <c:pt idx="918">
                  <c:v>1.2</c:v>
                </c:pt>
                <c:pt idx="919">
                  <c:v>0</c:v>
                </c:pt>
                <c:pt idx="920">
                  <c:v>0</c:v>
                </c:pt>
                <c:pt idx="921">
                  <c:v>0</c:v>
                </c:pt>
                <c:pt idx="922">
                  <c:v>0</c:v>
                </c:pt>
                <c:pt idx="923">
                  <c:v>0</c:v>
                </c:pt>
                <c:pt idx="924">
                  <c:v>0</c:v>
                </c:pt>
                <c:pt idx="925">
                  <c:v>31.4</c:v>
                </c:pt>
                <c:pt idx="926">
                  <c:v>1.4</c:v>
                </c:pt>
                <c:pt idx="927">
                  <c:v>0.2</c:v>
                </c:pt>
                <c:pt idx="928">
                  <c:v>0.5</c:v>
                </c:pt>
                <c:pt idx="929">
                  <c:v>0</c:v>
                </c:pt>
                <c:pt idx="930">
                  <c:v>0</c:v>
                </c:pt>
                <c:pt idx="931">
                  <c:v>0</c:v>
                </c:pt>
                <c:pt idx="932">
                  <c:v>0</c:v>
                </c:pt>
                <c:pt idx="933">
                  <c:v>0</c:v>
                </c:pt>
                <c:pt idx="934">
                  <c:v>0</c:v>
                </c:pt>
                <c:pt idx="935">
                  <c:v>0</c:v>
                </c:pt>
                <c:pt idx="936">
                  <c:v>0</c:v>
                </c:pt>
                <c:pt idx="937">
                  <c:v>0</c:v>
                </c:pt>
                <c:pt idx="938">
                  <c:v>73.5</c:v>
                </c:pt>
                <c:pt idx="939">
                  <c:v>0</c:v>
                </c:pt>
                <c:pt idx="940">
                  <c:v>0</c:v>
                </c:pt>
                <c:pt idx="941">
                  <c:v>4.3</c:v>
                </c:pt>
                <c:pt idx="942">
                  <c:v>0</c:v>
                </c:pt>
                <c:pt idx="943">
                  <c:v>0</c:v>
                </c:pt>
                <c:pt idx="944">
                  <c:v>0</c:v>
                </c:pt>
                <c:pt idx="945">
                  <c:v>0</c:v>
                </c:pt>
                <c:pt idx="946">
                  <c:v>41.7</c:v>
                </c:pt>
                <c:pt idx="947">
                  <c:v>11.9</c:v>
                </c:pt>
                <c:pt idx="948">
                  <c:v>0</c:v>
                </c:pt>
                <c:pt idx="949">
                  <c:v>0</c:v>
                </c:pt>
                <c:pt idx="950">
                  <c:v>0</c:v>
                </c:pt>
                <c:pt idx="951">
                  <c:v>0</c:v>
                </c:pt>
                <c:pt idx="952">
                  <c:v>3.6</c:v>
                </c:pt>
                <c:pt idx="953">
                  <c:v>0</c:v>
                </c:pt>
                <c:pt idx="954">
                  <c:v>0</c:v>
                </c:pt>
                <c:pt idx="955">
                  <c:v>0</c:v>
                </c:pt>
                <c:pt idx="956">
                  <c:v>0</c:v>
                </c:pt>
                <c:pt idx="957">
                  <c:v>0</c:v>
                </c:pt>
                <c:pt idx="958">
                  <c:v>0</c:v>
                </c:pt>
                <c:pt idx="959">
                  <c:v>0</c:v>
                </c:pt>
                <c:pt idx="960">
                  <c:v>9.1</c:v>
                </c:pt>
                <c:pt idx="961">
                  <c:v>0</c:v>
                </c:pt>
                <c:pt idx="962">
                  <c:v>16.8</c:v>
                </c:pt>
                <c:pt idx="963">
                  <c:v>7.5</c:v>
                </c:pt>
                <c:pt idx="964">
                  <c:v>0</c:v>
                </c:pt>
                <c:pt idx="965">
                  <c:v>0</c:v>
                </c:pt>
                <c:pt idx="966">
                  <c:v>0.6</c:v>
                </c:pt>
                <c:pt idx="967">
                  <c:v>0</c:v>
                </c:pt>
                <c:pt idx="968">
                  <c:v>9.6</c:v>
                </c:pt>
                <c:pt idx="969">
                  <c:v>1.7</c:v>
                </c:pt>
                <c:pt idx="970">
                  <c:v>0.3</c:v>
                </c:pt>
                <c:pt idx="971">
                  <c:v>0</c:v>
                </c:pt>
                <c:pt idx="972">
                  <c:v>0</c:v>
                </c:pt>
                <c:pt idx="973">
                  <c:v>0</c:v>
                </c:pt>
                <c:pt idx="974">
                  <c:v>0</c:v>
                </c:pt>
                <c:pt idx="975">
                  <c:v>0</c:v>
                </c:pt>
                <c:pt idx="976">
                  <c:v>0</c:v>
                </c:pt>
                <c:pt idx="977">
                  <c:v>2.1</c:v>
                </c:pt>
                <c:pt idx="978">
                  <c:v>0</c:v>
                </c:pt>
                <c:pt idx="979">
                  <c:v>0</c:v>
                </c:pt>
                <c:pt idx="980">
                  <c:v>10.3</c:v>
                </c:pt>
                <c:pt idx="981">
                  <c:v>0</c:v>
                </c:pt>
                <c:pt idx="982">
                  <c:v>0</c:v>
                </c:pt>
                <c:pt idx="983">
                  <c:v>0</c:v>
                </c:pt>
                <c:pt idx="984">
                  <c:v>0</c:v>
                </c:pt>
                <c:pt idx="985">
                  <c:v>0</c:v>
                </c:pt>
                <c:pt idx="986">
                  <c:v>0</c:v>
                </c:pt>
                <c:pt idx="987">
                  <c:v>4.0999999999999996</c:v>
                </c:pt>
                <c:pt idx="988">
                  <c:v>25.5</c:v>
                </c:pt>
                <c:pt idx="989">
                  <c:v>0</c:v>
                </c:pt>
                <c:pt idx="990">
                  <c:v>30.2</c:v>
                </c:pt>
                <c:pt idx="991">
                  <c:v>0</c:v>
                </c:pt>
                <c:pt idx="992">
                  <c:v>0</c:v>
                </c:pt>
                <c:pt idx="993">
                  <c:v>0</c:v>
                </c:pt>
                <c:pt idx="994">
                  <c:v>55.1</c:v>
                </c:pt>
                <c:pt idx="995">
                  <c:v>1.8</c:v>
                </c:pt>
                <c:pt idx="996">
                  <c:v>0</c:v>
                </c:pt>
                <c:pt idx="997">
                  <c:v>5.9</c:v>
                </c:pt>
                <c:pt idx="998">
                  <c:v>0</c:v>
                </c:pt>
                <c:pt idx="999">
                  <c:v>0</c:v>
                </c:pt>
                <c:pt idx="1000">
                  <c:v>0</c:v>
                </c:pt>
                <c:pt idx="1001">
                  <c:v>0</c:v>
                </c:pt>
                <c:pt idx="1002">
                  <c:v>5.0999999999999996</c:v>
                </c:pt>
                <c:pt idx="1003">
                  <c:v>15.4</c:v>
                </c:pt>
                <c:pt idx="1004">
                  <c:v>8.6999999999999993</c:v>
                </c:pt>
                <c:pt idx="1005">
                  <c:v>9.1999999999999993</c:v>
                </c:pt>
                <c:pt idx="1006">
                  <c:v>0</c:v>
                </c:pt>
                <c:pt idx="1007">
                  <c:v>0</c:v>
                </c:pt>
                <c:pt idx="1008">
                  <c:v>1.7</c:v>
                </c:pt>
                <c:pt idx="1009">
                  <c:v>1.6</c:v>
                </c:pt>
                <c:pt idx="1010">
                  <c:v>0</c:v>
                </c:pt>
                <c:pt idx="1011">
                  <c:v>2.4</c:v>
                </c:pt>
                <c:pt idx="1012">
                  <c:v>0.1</c:v>
                </c:pt>
                <c:pt idx="1013">
                  <c:v>0</c:v>
                </c:pt>
                <c:pt idx="1014">
                  <c:v>0</c:v>
                </c:pt>
                <c:pt idx="1015">
                  <c:v>0</c:v>
                </c:pt>
                <c:pt idx="1016">
                  <c:v>12.4</c:v>
                </c:pt>
                <c:pt idx="1017">
                  <c:v>15.8</c:v>
                </c:pt>
                <c:pt idx="1018">
                  <c:v>0.9</c:v>
                </c:pt>
                <c:pt idx="1019">
                  <c:v>0.1</c:v>
                </c:pt>
                <c:pt idx="1020">
                  <c:v>0</c:v>
                </c:pt>
                <c:pt idx="1021">
                  <c:v>0</c:v>
                </c:pt>
                <c:pt idx="1022">
                  <c:v>12.3</c:v>
                </c:pt>
                <c:pt idx="1023">
                  <c:v>0.5</c:v>
                </c:pt>
                <c:pt idx="1024">
                  <c:v>16.5</c:v>
                </c:pt>
                <c:pt idx="1025">
                  <c:v>4.2</c:v>
                </c:pt>
                <c:pt idx="1026">
                  <c:v>2.2999999999999998</c:v>
                </c:pt>
                <c:pt idx="1027">
                  <c:v>0</c:v>
                </c:pt>
                <c:pt idx="1028">
                  <c:v>0</c:v>
                </c:pt>
                <c:pt idx="1029">
                  <c:v>0.4</c:v>
                </c:pt>
                <c:pt idx="1030">
                  <c:v>56.1</c:v>
                </c:pt>
                <c:pt idx="1031">
                  <c:v>3.5</c:v>
                </c:pt>
                <c:pt idx="1032">
                  <c:v>0</c:v>
                </c:pt>
                <c:pt idx="1033">
                  <c:v>0</c:v>
                </c:pt>
                <c:pt idx="1034">
                  <c:v>0</c:v>
                </c:pt>
                <c:pt idx="1035">
                  <c:v>0</c:v>
                </c:pt>
                <c:pt idx="1036">
                  <c:v>0</c:v>
                </c:pt>
                <c:pt idx="1037">
                  <c:v>0</c:v>
                </c:pt>
                <c:pt idx="1038">
                  <c:v>3.8</c:v>
                </c:pt>
                <c:pt idx="1039">
                  <c:v>23.3</c:v>
                </c:pt>
                <c:pt idx="1040">
                  <c:v>0</c:v>
                </c:pt>
                <c:pt idx="1041">
                  <c:v>0</c:v>
                </c:pt>
                <c:pt idx="1042">
                  <c:v>0</c:v>
                </c:pt>
                <c:pt idx="1043">
                  <c:v>30.9</c:v>
                </c:pt>
                <c:pt idx="1044">
                  <c:v>0</c:v>
                </c:pt>
                <c:pt idx="1045">
                  <c:v>0</c:v>
                </c:pt>
                <c:pt idx="1046">
                  <c:v>45.8</c:v>
                </c:pt>
                <c:pt idx="1047">
                  <c:v>0.4</c:v>
                </c:pt>
                <c:pt idx="1048">
                  <c:v>0.4</c:v>
                </c:pt>
                <c:pt idx="1049">
                  <c:v>0</c:v>
                </c:pt>
                <c:pt idx="1050">
                  <c:v>14.4</c:v>
                </c:pt>
                <c:pt idx="1051">
                  <c:v>0</c:v>
                </c:pt>
                <c:pt idx="1052">
                  <c:v>12.4</c:v>
                </c:pt>
                <c:pt idx="1053">
                  <c:v>13.6</c:v>
                </c:pt>
                <c:pt idx="1054">
                  <c:v>0</c:v>
                </c:pt>
                <c:pt idx="1055">
                  <c:v>0</c:v>
                </c:pt>
                <c:pt idx="1056">
                  <c:v>0</c:v>
                </c:pt>
                <c:pt idx="1057">
                  <c:v>33.799999999999997</c:v>
                </c:pt>
                <c:pt idx="1058">
                  <c:v>3</c:v>
                </c:pt>
                <c:pt idx="1059">
                  <c:v>22.1</c:v>
                </c:pt>
                <c:pt idx="1060">
                  <c:v>0.2</c:v>
                </c:pt>
                <c:pt idx="1061">
                  <c:v>3.1</c:v>
                </c:pt>
                <c:pt idx="1062">
                  <c:v>0</c:v>
                </c:pt>
                <c:pt idx="1063">
                  <c:v>0</c:v>
                </c:pt>
                <c:pt idx="1064">
                  <c:v>5.3</c:v>
                </c:pt>
                <c:pt idx="1065">
                  <c:v>0</c:v>
                </c:pt>
                <c:pt idx="1066">
                  <c:v>4.0999999999999996</c:v>
                </c:pt>
                <c:pt idx="1067">
                  <c:v>16.399999999999999</c:v>
                </c:pt>
                <c:pt idx="1068">
                  <c:v>12.8</c:v>
                </c:pt>
                <c:pt idx="1069">
                  <c:v>0</c:v>
                </c:pt>
                <c:pt idx="1070">
                  <c:v>0</c:v>
                </c:pt>
                <c:pt idx="1071">
                  <c:v>60</c:v>
                </c:pt>
                <c:pt idx="1072">
                  <c:v>0</c:v>
                </c:pt>
                <c:pt idx="1073">
                  <c:v>0</c:v>
                </c:pt>
                <c:pt idx="1074">
                  <c:v>0</c:v>
                </c:pt>
                <c:pt idx="1075">
                  <c:v>0</c:v>
                </c:pt>
                <c:pt idx="1076">
                  <c:v>0</c:v>
                </c:pt>
                <c:pt idx="1077">
                  <c:v>0</c:v>
                </c:pt>
                <c:pt idx="1078">
                  <c:v>3.8</c:v>
                </c:pt>
                <c:pt idx="1079">
                  <c:v>25.1</c:v>
                </c:pt>
                <c:pt idx="1080">
                  <c:v>0</c:v>
                </c:pt>
                <c:pt idx="1081">
                  <c:v>0</c:v>
                </c:pt>
                <c:pt idx="1082">
                  <c:v>5.6</c:v>
                </c:pt>
                <c:pt idx="1083">
                  <c:v>0</c:v>
                </c:pt>
                <c:pt idx="1084">
                  <c:v>0</c:v>
                </c:pt>
                <c:pt idx="1085">
                  <c:v>0</c:v>
                </c:pt>
                <c:pt idx="1086">
                  <c:v>0</c:v>
                </c:pt>
                <c:pt idx="1087">
                  <c:v>0</c:v>
                </c:pt>
                <c:pt idx="1088">
                  <c:v>1.5</c:v>
                </c:pt>
                <c:pt idx="1089">
                  <c:v>0</c:v>
                </c:pt>
                <c:pt idx="1090">
                  <c:v>0</c:v>
                </c:pt>
                <c:pt idx="1091">
                  <c:v>0</c:v>
                </c:pt>
                <c:pt idx="1092">
                  <c:v>0</c:v>
                </c:pt>
                <c:pt idx="1093">
                  <c:v>0.3</c:v>
                </c:pt>
                <c:pt idx="1094">
                  <c:v>0.2</c:v>
                </c:pt>
                <c:pt idx="1095">
                  <c:v>0</c:v>
                </c:pt>
                <c:pt idx="1096">
                  <c:v>0</c:v>
                </c:pt>
                <c:pt idx="1097">
                  <c:v>0</c:v>
                </c:pt>
                <c:pt idx="1098">
                  <c:v>0</c:v>
                </c:pt>
                <c:pt idx="1099">
                  <c:v>0</c:v>
                </c:pt>
                <c:pt idx="1100">
                  <c:v>1.2</c:v>
                </c:pt>
                <c:pt idx="1101">
                  <c:v>8.6999999999999993</c:v>
                </c:pt>
                <c:pt idx="1102">
                  <c:v>4</c:v>
                </c:pt>
                <c:pt idx="1103">
                  <c:v>2.2999999999999998</c:v>
                </c:pt>
                <c:pt idx="1104">
                  <c:v>0</c:v>
                </c:pt>
                <c:pt idx="1105">
                  <c:v>0</c:v>
                </c:pt>
                <c:pt idx="1106">
                  <c:v>2.2000000000000002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34666848"/>
        <c:axId val="234666288"/>
      </c:lineChart>
      <c:dateAx>
        <c:axId val="23466516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sl-SI"/>
                  <a:t>Datum</a:t>
                </a:r>
                <a:endParaRPr lang="en-US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4665728"/>
        <c:crosses val="autoZero"/>
        <c:auto val="1"/>
        <c:lblOffset val="100"/>
        <c:baseTimeUnit val="days"/>
      </c:dateAx>
      <c:valAx>
        <c:axId val="2346657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sl-SI"/>
                  <a:t>Skupna</a:t>
                </a:r>
                <a:r>
                  <a:rPr lang="sl-SI" baseline="0"/>
                  <a:t> količina padavin [mm]</a:t>
                </a:r>
                <a:endParaRPr lang="en-US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4665168"/>
        <c:crosses val="autoZero"/>
        <c:crossBetween val="between"/>
      </c:valAx>
      <c:valAx>
        <c:axId val="234666288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sl-SI"/>
                  <a:t>Dnevna količina padavin [mm]</a:t>
                </a:r>
                <a:endParaRPr lang="en-US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34666848"/>
        <c:crosses val="max"/>
        <c:crossBetween val="between"/>
      </c:valAx>
      <c:dateAx>
        <c:axId val="234666848"/>
        <c:scaling>
          <c:orientation val="minMax"/>
        </c:scaling>
        <c:delete val="1"/>
        <c:axPos val="b"/>
        <c:numFmt formatCode="m/d/yyyy" sourceLinked="1"/>
        <c:majorTickMark val="out"/>
        <c:minorTickMark val="none"/>
        <c:tickLblPos val="nextTo"/>
        <c:crossAx val="234666288"/>
        <c:crosses val="autoZero"/>
        <c:auto val="1"/>
        <c:lblOffset val="100"/>
        <c:baseTimeUnit val="days"/>
      </c:date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35496988337769025"/>
          <c:y val="0.92456741409429977"/>
          <c:w val="0.3442133643870553"/>
          <c:h val="7.456555268670701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19050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500062</xdr:colOff>
      <xdr:row>5</xdr:row>
      <xdr:rowOff>52387</xdr:rowOff>
    </xdr:from>
    <xdr:to>
      <xdr:col>19</xdr:col>
      <xdr:colOff>247650</xdr:colOff>
      <xdr:row>35</xdr:row>
      <xdr:rowOff>85725</xdr:rowOff>
    </xdr:to>
    <xdr:graphicFrame macro="">
      <xdr:nvGraphicFramePr>
        <xdr:cNvPr id="3" name="Chart 2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182"/>
  <sheetViews>
    <sheetView tabSelected="1" workbookViewId="0">
      <selection activeCell="D4" sqref="D4"/>
    </sheetView>
  </sheetViews>
  <sheetFormatPr defaultRowHeight="15" x14ac:dyDescent="0.25"/>
  <cols>
    <col min="1" max="1" width="10.140625" bestFit="1" customWidth="1"/>
    <col min="2" max="2" width="30.5703125" customWidth="1"/>
    <col min="3" max="3" width="14" customWidth="1"/>
    <col min="4" max="4" width="10.140625" bestFit="1" customWidth="1"/>
    <col min="5" max="5" width="13.7109375" bestFit="1" customWidth="1"/>
    <col min="6" max="6" width="12.7109375" customWidth="1"/>
    <col min="7" max="7" width="10.140625" bestFit="1" customWidth="1"/>
    <col min="8" max="8" width="13.7109375" bestFit="1" customWidth="1"/>
    <col min="9" max="9" width="12.7109375" customWidth="1"/>
    <col min="10" max="10" width="10.140625" bestFit="1" customWidth="1"/>
    <col min="11" max="11" width="13.7109375" bestFit="1" customWidth="1"/>
    <col min="12" max="12" width="14.140625" customWidth="1"/>
  </cols>
  <sheetData>
    <row r="1" spans="1:10" x14ac:dyDescent="0.25">
      <c r="A1" s="2" t="s">
        <v>1</v>
      </c>
    </row>
    <row r="2" spans="1:10" x14ac:dyDescent="0.25">
      <c r="A2" s="2"/>
      <c r="C2" s="3"/>
    </row>
    <row r="3" spans="1:10" x14ac:dyDescent="0.25">
      <c r="A3" t="s">
        <v>0</v>
      </c>
      <c r="B3" t="s">
        <v>4</v>
      </c>
      <c r="C3" s="4" t="s">
        <v>3</v>
      </c>
    </row>
    <row r="4" spans="1:10" x14ac:dyDescent="0.25">
      <c r="A4" s="1">
        <v>40826</v>
      </c>
      <c r="B4">
        <v>61.8</v>
      </c>
      <c r="C4">
        <v>61.8</v>
      </c>
      <c r="D4" s="1"/>
      <c r="G4" s="1"/>
      <c r="J4" s="1"/>
    </row>
    <row r="5" spans="1:10" x14ac:dyDescent="0.25">
      <c r="A5" s="1">
        <v>40827</v>
      </c>
      <c r="B5">
        <v>0</v>
      </c>
      <c r="C5">
        <f t="shared" ref="C5:C68" si="0">B5+C4</f>
        <v>61.8</v>
      </c>
      <c r="D5" s="1"/>
      <c r="G5" s="1"/>
      <c r="J5" s="1"/>
    </row>
    <row r="6" spans="1:10" x14ac:dyDescent="0.25">
      <c r="A6" s="1">
        <v>40828</v>
      </c>
      <c r="B6">
        <v>0</v>
      </c>
      <c r="C6">
        <f t="shared" si="0"/>
        <v>61.8</v>
      </c>
      <c r="D6" s="1"/>
      <c r="G6" s="1"/>
      <c r="J6" s="1"/>
    </row>
    <row r="7" spans="1:10" x14ac:dyDescent="0.25">
      <c r="A7" s="1">
        <v>40829</v>
      </c>
      <c r="B7">
        <v>0</v>
      </c>
      <c r="C7">
        <f t="shared" si="0"/>
        <v>61.8</v>
      </c>
      <c r="D7" s="1"/>
      <c r="G7" s="1"/>
      <c r="J7" s="1"/>
    </row>
    <row r="8" spans="1:10" x14ac:dyDescent="0.25">
      <c r="A8" s="1">
        <v>40830</v>
      </c>
      <c r="B8">
        <v>0</v>
      </c>
      <c r="C8">
        <f t="shared" si="0"/>
        <v>61.8</v>
      </c>
      <c r="D8" s="1"/>
      <c r="G8" s="1"/>
      <c r="J8" s="1"/>
    </row>
    <row r="9" spans="1:10" x14ac:dyDescent="0.25">
      <c r="A9" s="1">
        <v>40831</v>
      </c>
      <c r="B9">
        <v>0</v>
      </c>
      <c r="C9">
        <f t="shared" si="0"/>
        <v>61.8</v>
      </c>
      <c r="D9" s="1"/>
      <c r="G9" s="1"/>
      <c r="J9" s="1"/>
    </row>
    <row r="10" spans="1:10" x14ac:dyDescent="0.25">
      <c r="A10" s="1">
        <v>40832</v>
      </c>
      <c r="B10">
        <v>0</v>
      </c>
      <c r="C10">
        <f t="shared" si="0"/>
        <v>61.8</v>
      </c>
      <c r="D10" s="1"/>
      <c r="G10" s="1"/>
      <c r="J10" s="1"/>
    </row>
    <row r="11" spans="1:10" x14ac:dyDescent="0.25">
      <c r="A11" s="1">
        <v>40833</v>
      </c>
      <c r="B11">
        <v>0</v>
      </c>
      <c r="C11">
        <f t="shared" si="0"/>
        <v>61.8</v>
      </c>
      <c r="D11" s="1"/>
      <c r="G11" s="1"/>
      <c r="J11" s="1"/>
    </row>
    <row r="12" spans="1:10" x14ac:dyDescent="0.25">
      <c r="A12" s="1">
        <v>40834</v>
      </c>
      <c r="B12">
        <v>0</v>
      </c>
      <c r="C12">
        <f t="shared" si="0"/>
        <v>61.8</v>
      </c>
      <c r="D12" s="1"/>
      <c r="G12" s="1"/>
      <c r="J12" s="1"/>
    </row>
    <row r="13" spans="1:10" x14ac:dyDescent="0.25">
      <c r="A13" s="1">
        <v>40835</v>
      </c>
      <c r="B13">
        <v>0</v>
      </c>
      <c r="C13">
        <f t="shared" si="0"/>
        <v>61.8</v>
      </c>
      <c r="D13" s="1"/>
      <c r="G13" s="1"/>
      <c r="J13" s="1"/>
    </row>
    <row r="14" spans="1:10" x14ac:dyDescent="0.25">
      <c r="A14" s="1">
        <v>40836</v>
      </c>
      <c r="B14">
        <v>8.1999999999999993</v>
      </c>
      <c r="C14">
        <f t="shared" si="0"/>
        <v>70</v>
      </c>
      <c r="D14" s="1"/>
      <c r="G14" s="1"/>
      <c r="J14" s="1"/>
    </row>
    <row r="15" spans="1:10" x14ac:dyDescent="0.25">
      <c r="A15" s="1">
        <v>40837</v>
      </c>
      <c r="B15">
        <v>58.7</v>
      </c>
      <c r="C15">
        <f t="shared" si="0"/>
        <v>128.69999999999999</v>
      </c>
      <c r="D15" s="1"/>
      <c r="G15" s="1"/>
      <c r="J15" s="1"/>
    </row>
    <row r="16" spans="1:10" x14ac:dyDescent="0.25">
      <c r="A16" s="1">
        <v>40838</v>
      </c>
      <c r="B16">
        <v>0</v>
      </c>
      <c r="C16">
        <f t="shared" si="0"/>
        <v>128.69999999999999</v>
      </c>
      <c r="D16" s="1"/>
      <c r="G16" s="1"/>
      <c r="J16" s="1"/>
    </row>
    <row r="17" spans="1:10" x14ac:dyDescent="0.25">
      <c r="A17" s="1">
        <v>40839</v>
      </c>
      <c r="B17">
        <v>0</v>
      </c>
      <c r="C17">
        <f t="shared" si="0"/>
        <v>128.69999999999999</v>
      </c>
      <c r="D17" s="1"/>
      <c r="G17" s="1"/>
      <c r="J17" s="1"/>
    </row>
    <row r="18" spans="1:10" x14ac:dyDescent="0.25">
      <c r="A18" s="1">
        <v>40840</v>
      </c>
      <c r="B18">
        <v>1.2</v>
      </c>
      <c r="C18">
        <f t="shared" si="0"/>
        <v>129.89999999999998</v>
      </c>
      <c r="D18" s="1"/>
      <c r="G18" s="1"/>
      <c r="J18" s="1"/>
    </row>
    <row r="19" spans="1:10" x14ac:dyDescent="0.25">
      <c r="A19" s="1">
        <v>40841</v>
      </c>
      <c r="B19">
        <v>0.6</v>
      </c>
      <c r="C19">
        <f t="shared" si="0"/>
        <v>130.49999999999997</v>
      </c>
      <c r="D19" s="1"/>
      <c r="G19" s="1"/>
      <c r="J19" s="1"/>
    </row>
    <row r="20" spans="1:10" x14ac:dyDescent="0.25">
      <c r="A20" s="1">
        <v>40842</v>
      </c>
      <c r="B20">
        <v>2.7</v>
      </c>
      <c r="C20">
        <f t="shared" si="0"/>
        <v>133.19999999999996</v>
      </c>
      <c r="D20" s="1"/>
      <c r="G20" s="1"/>
      <c r="J20" s="1"/>
    </row>
    <row r="21" spans="1:10" x14ac:dyDescent="0.25">
      <c r="A21" s="1">
        <v>40843</v>
      </c>
      <c r="B21">
        <v>44.3</v>
      </c>
      <c r="C21">
        <f t="shared" si="0"/>
        <v>177.49999999999994</v>
      </c>
      <c r="D21" s="1"/>
      <c r="G21" s="1"/>
      <c r="J21" s="1"/>
    </row>
    <row r="22" spans="1:10" x14ac:dyDescent="0.25">
      <c r="A22" s="1">
        <v>40844</v>
      </c>
      <c r="B22">
        <v>0.25</v>
      </c>
      <c r="C22">
        <f t="shared" si="0"/>
        <v>177.74999999999994</v>
      </c>
      <c r="D22" s="1"/>
      <c r="G22" s="1"/>
      <c r="J22" s="1"/>
    </row>
    <row r="23" spans="1:10" x14ac:dyDescent="0.25">
      <c r="A23" s="1">
        <v>40845</v>
      </c>
      <c r="B23">
        <v>0</v>
      </c>
      <c r="C23">
        <f t="shared" si="0"/>
        <v>177.74999999999994</v>
      </c>
      <c r="D23" s="1"/>
      <c r="G23" s="1"/>
      <c r="J23" s="1"/>
    </row>
    <row r="24" spans="1:10" x14ac:dyDescent="0.25">
      <c r="A24" s="1">
        <v>40846</v>
      </c>
      <c r="B24">
        <v>0</v>
      </c>
      <c r="C24">
        <f t="shared" si="0"/>
        <v>177.74999999999994</v>
      </c>
      <c r="D24" s="1"/>
      <c r="G24" s="1"/>
      <c r="J24" s="1"/>
    </row>
    <row r="25" spans="1:10" x14ac:dyDescent="0.25">
      <c r="A25" s="1">
        <v>40847</v>
      </c>
      <c r="B25">
        <v>0</v>
      </c>
      <c r="C25">
        <f t="shared" si="0"/>
        <v>177.74999999999994</v>
      </c>
      <c r="D25" s="1"/>
      <c r="G25" s="1"/>
      <c r="J25" s="1"/>
    </row>
    <row r="26" spans="1:10" x14ac:dyDescent="0.25">
      <c r="A26" s="1">
        <v>40848</v>
      </c>
      <c r="B26">
        <v>0</v>
      </c>
      <c r="C26">
        <f t="shared" si="0"/>
        <v>177.74999999999994</v>
      </c>
      <c r="D26" s="1"/>
      <c r="G26" s="1"/>
      <c r="J26" s="1"/>
    </row>
    <row r="27" spans="1:10" x14ac:dyDescent="0.25">
      <c r="A27" s="1">
        <v>40849</v>
      </c>
      <c r="B27">
        <v>0.8</v>
      </c>
      <c r="C27">
        <f t="shared" si="0"/>
        <v>178.54999999999995</v>
      </c>
      <c r="D27" s="1"/>
      <c r="G27" s="1"/>
      <c r="J27" s="1"/>
    </row>
    <row r="28" spans="1:10" x14ac:dyDescent="0.25">
      <c r="A28" s="1">
        <v>40850</v>
      </c>
      <c r="B28">
        <v>0.3</v>
      </c>
      <c r="C28">
        <f t="shared" si="0"/>
        <v>178.84999999999997</v>
      </c>
      <c r="D28" s="1"/>
      <c r="G28" s="1"/>
      <c r="J28" s="1"/>
    </row>
    <row r="29" spans="1:10" x14ac:dyDescent="0.25">
      <c r="A29" s="1">
        <v>40851</v>
      </c>
      <c r="B29">
        <v>0</v>
      </c>
      <c r="C29">
        <f t="shared" si="0"/>
        <v>178.84999999999997</v>
      </c>
      <c r="D29" s="1"/>
      <c r="G29" s="1"/>
      <c r="J29" s="1"/>
    </row>
    <row r="30" spans="1:10" x14ac:dyDescent="0.25">
      <c r="A30" s="1">
        <v>40852</v>
      </c>
      <c r="B30">
        <v>0</v>
      </c>
      <c r="C30">
        <f t="shared" si="0"/>
        <v>178.84999999999997</v>
      </c>
      <c r="D30" s="1"/>
      <c r="G30" s="1"/>
      <c r="J30" s="1"/>
    </row>
    <row r="31" spans="1:10" x14ac:dyDescent="0.25">
      <c r="A31" s="1">
        <v>40853</v>
      </c>
      <c r="B31">
        <v>0</v>
      </c>
      <c r="C31">
        <f t="shared" si="0"/>
        <v>178.84999999999997</v>
      </c>
      <c r="D31" s="1"/>
      <c r="G31" s="1"/>
      <c r="J31" s="1"/>
    </row>
    <row r="32" spans="1:10" x14ac:dyDescent="0.25">
      <c r="A32" s="1">
        <v>40854</v>
      </c>
      <c r="B32">
        <v>1.4</v>
      </c>
      <c r="C32">
        <f t="shared" si="0"/>
        <v>180.24999999999997</v>
      </c>
      <c r="D32" s="1"/>
      <c r="G32" s="1"/>
      <c r="J32" s="1"/>
    </row>
    <row r="33" spans="1:10" x14ac:dyDescent="0.25">
      <c r="A33" s="1">
        <v>40855</v>
      </c>
      <c r="B33">
        <v>1.6</v>
      </c>
      <c r="C33">
        <f t="shared" si="0"/>
        <v>181.84999999999997</v>
      </c>
      <c r="D33" s="1"/>
      <c r="G33" s="1"/>
      <c r="J33" s="1"/>
    </row>
    <row r="34" spans="1:10" x14ac:dyDescent="0.25">
      <c r="A34" s="1">
        <v>40856</v>
      </c>
      <c r="B34">
        <v>0</v>
      </c>
      <c r="C34">
        <f t="shared" si="0"/>
        <v>181.84999999999997</v>
      </c>
      <c r="D34" s="1"/>
      <c r="G34" s="1"/>
      <c r="J34" s="1"/>
    </row>
    <row r="35" spans="1:10" x14ac:dyDescent="0.25">
      <c r="A35" s="1">
        <v>40857</v>
      </c>
      <c r="B35">
        <v>0</v>
      </c>
      <c r="C35">
        <f t="shared" si="0"/>
        <v>181.84999999999997</v>
      </c>
      <c r="D35" s="1"/>
      <c r="G35" s="1"/>
      <c r="J35" s="1"/>
    </row>
    <row r="36" spans="1:10" x14ac:dyDescent="0.25">
      <c r="A36" s="1">
        <v>40858</v>
      </c>
      <c r="B36">
        <v>0.5</v>
      </c>
      <c r="C36">
        <f t="shared" si="0"/>
        <v>182.34999999999997</v>
      </c>
      <c r="D36" s="1"/>
      <c r="G36" s="1"/>
      <c r="J36" s="1"/>
    </row>
    <row r="37" spans="1:10" x14ac:dyDescent="0.25">
      <c r="A37" s="1">
        <v>40859</v>
      </c>
      <c r="B37">
        <v>0</v>
      </c>
      <c r="C37">
        <f t="shared" si="0"/>
        <v>182.34999999999997</v>
      </c>
      <c r="D37" s="1"/>
      <c r="G37" s="1"/>
      <c r="J37" s="1"/>
    </row>
    <row r="38" spans="1:10" x14ac:dyDescent="0.25">
      <c r="A38" s="1">
        <v>40860</v>
      </c>
      <c r="B38">
        <v>0</v>
      </c>
      <c r="C38">
        <f t="shared" si="0"/>
        <v>182.34999999999997</v>
      </c>
      <c r="D38" s="1"/>
      <c r="G38" s="1"/>
      <c r="J38" s="1"/>
    </row>
    <row r="39" spans="1:10" x14ac:dyDescent="0.25">
      <c r="A39" s="1">
        <v>40861</v>
      </c>
      <c r="B39">
        <v>0</v>
      </c>
      <c r="C39">
        <f t="shared" si="0"/>
        <v>182.34999999999997</v>
      </c>
      <c r="D39" s="1"/>
      <c r="G39" s="1"/>
      <c r="J39" s="1"/>
    </row>
    <row r="40" spans="1:10" x14ac:dyDescent="0.25">
      <c r="A40" s="1">
        <v>40862</v>
      </c>
      <c r="B40">
        <v>0</v>
      </c>
      <c r="C40">
        <f t="shared" si="0"/>
        <v>182.34999999999997</v>
      </c>
      <c r="D40" s="1"/>
      <c r="G40" s="1"/>
      <c r="J40" s="1"/>
    </row>
    <row r="41" spans="1:10" x14ac:dyDescent="0.25">
      <c r="A41" s="1">
        <v>40863</v>
      </c>
      <c r="B41">
        <v>0</v>
      </c>
      <c r="C41">
        <f t="shared" si="0"/>
        <v>182.34999999999997</v>
      </c>
      <c r="D41" s="1"/>
      <c r="G41" s="1"/>
      <c r="J41" s="1"/>
    </row>
    <row r="42" spans="1:10" x14ac:dyDescent="0.25">
      <c r="A42" s="1">
        <v>40864</v>
      </c>
      <c r="B42">
        <v>0</v>
      </c>
      <c r="C42">
        <f t="shared" si="0"/>
        <v>182.34999999999997</v>
      </c>
      <c r="D42" s="1"/>
      <c r="G42" s="1"/>
      <c r="J42" s="1"/>
    </row>
    <row r="43" spans="1:10" x14ac:dyDescent="0.25">
      <c r="A43" s="1">
        <v>40865</v>
      </c>
      <c r="B43">
        <v>0</v>
      </c>
      <c r="C43">
        <f t="shared" si="0"/>
        <v>182.34999999999997</v>
      </c>
      <c r="D43" s="1"/>
      <c r="G43" s="1"/>
      <c r="J43" s="1"/>
    </row>
    <row r="44" spans="1:10" x14ac:dyDescent="0.25">
      <c r="A44" s="1">
        <v>40866</v>
      </c>
      <c r="B44">
        <v>0</v>
      </c>
      <c r="C44">
        <f t="shared" si="0"/>
        <v>182.34999999999997</v>
      </c>
      <c r="D44" s="1"/>
      <c r="G44" s="1"/>
      <c r="J44" s="1"/>
    </row>
    <row r="45" spans="1:10" x14ac:dyDescent="0.25">
      <c r="A45" s="1">
        <v>40867</v>
      </c>
      <c r="B45">
        <v>0</v>
      </c>
      <c r="C45">
        <f t="shared" si="0"/>
        <v>182.34999999999997</v>
      </c>
      <c r="D45" s="1"/>
      <c r="G45" s="1"/>
      <c r="J45" s="1"/>
    </row>
    <row r="46" spans="1:10" x14ac:dyDescent="0.25">
      <c r="A46" s="1">
        <v>40868</v>
      </c>
      <c r="B46">
        <v>0</v>
      </c>
      <c r="C46">
        <f t="shared" si="0"/>
        <v>182.34999999999997</v>
      </c>
      <c r="D46" s="1"/>
      <c r="G46" s="1"/>
      <c r="J46" s="1"/>
    </row>
    <row r="47" spans="1:10" x14ac:dyDescent="0.25">
      <c r="A47" s="1">
        <v>40869</v>
      </c>
      <c r="B47">
        <v>0</v>
      </c>
      <c r="C47">
        <f t="shared" si="0"/>
        <v>182.34999999999997</v>
      </c>
      <c r="D47" s="1"/>
      <c r="G47" s="1"/>
      <c r="J47" s="1"/>
    </row>
    <row r="48" spans="1:10" x14ac:dyDescent="0.25">
      <c r="A48" s="1">
        <v>40870</v>
      </c>
      <c r="B48">
        <v>0</v>
      </c>
      <c r="C48">
        <f t="shared" si="0"/>
        <v>182.34999999999997</v>
      </c>
      <c r="D48" s="1"/>
      <c r="G48" s="1"/>
      <c r="J48" s="1"/>
    </row>
    <row r="49" spans="1:10" x14ac:dyDescent="0.25">
      <c r="A49" s="1">
        <v>40871</v>
      </c>
      <c r="B49">
        <v>0</v>
      </c>
      <c r="C49">
        <f t="shared" si="0"/>
        <v>182.34999999999997</v>
      </c>
      <c r="D49" s="1"/>
      <c r="G49" s="1"/>
      <c r="J49" s="1"/>
    </row>
    <row r="50" spans="1:10" x14ac:dyDescent="0.25">
      <c r="A50" s="1">
        <v>40872</v>
      </c>
      <c r="B50">
        <v>0</v>
      </c>
      <c r="C50">
        <f t="shared" si="0"/>
        <v>182.34999999999997</v>
      </c>
      <c r="D50" s="1"/>
      <c r="G50" s="1"/>
      <c r="J50" s="1"/>
    </row>
    <row r="51" spans="1:10" x14ac:dyDescent="0.25">
      <c r="A51" s="1">
        <v>40873</v>
      </c>
      <c r="B51">
        <v>0</v>
      </c>
      <c r="C51">
        <f t="shared" si="0"/>
        <v>182.34999999999997</v>
      </c>
      <c r="D51" s="1"/>
      <c r="G51" s="1"/>
      <c r="J51" s="1"/>
    </row>
    <row r="52" spans="1:10" x14ac:dyDescent="0.25">
      <c r="A52" s="1">
        <v>40874</v>
      </c>
      <c r="B52">
        <v>0</v>
      </c>
      <c r="C52">
        <f t="shared" si="0"/>
        <v>182.34999999999997</v>
      </c>
      <c r="D52" s="1"/>
      <c r="G52" s="1"/>
      <c r="J52" s="1"/>
    </row>
    <row r="53" spans="1:10" x14ac:dyDescent="0.25">
      <c r="A53" s="1">
        <v>40875</v>
      </c>
      <c r="B53">
        <v>0</v>
      </c>
      <c r="C53">
        <f t="shared" si="0"/>
        <v>182.34999999999997</v>
      </c>
      <c r="D53" s="1"/>
      <c r="G53" s="1"/>
      <c r="J53" s="1"/>
    </row>
    <row r="54" spans="1:10" x14ac:dyDescent="0.25">
      <c r="A54" s="1">
        <v>40876</v>
      </c>
      <c r="B54">
        <v>0</v>
      </c>
      <c r="C54">
        <f t="shared" si="0"/>
        <v>182.34999999999997</v>
      </c>
      <c r="D54" s="1"/>
      <c r="G54" s="1"/>
      <c r="J54" s="1"/>
    </row>
    <row r="55" spans="1:10" x14ac:dyDescent="0.25">
      <c r="A55" s="1">
        <v>40877</v>
      </c>
      <c r="B55">
        <v>0</v>
      </c>
      <c r="C55">
        <f t="shared" si="0"/>
        <v>182.34999999999997</v>
      </c>
      <c r="D55" s="1"/>
      <c r="G55" s="1"/>
      <c r="J55" s="1"/>
    </row>
    <row r="56" spans="1:10" x14ac:dyDescent="0.25">
      <c r="A56" s="1">
        <v>40878</v>
      </c>
      <c r="B56">
        <v>0</v>
      </c>
      <c r="C56">
        <f t="shared" si="0"/>
        <v>182.34999999999997</v>
      </c>
      <c r="D56" s="1"/>
      <c r="G56" s="1"/>
      <c r="J56" s="1"/>
    </row>
    <row r="57" spans="1:10" x14ac:dyDescent="0.25">
      <c r="A57" s="1">
        <v>40879</v>
      </c>
      <c r="B57">
        <v>0</v>
      </c>
      <c r="C57">
        <f t="shared" si="0"/>
        <v>182.34999999999997</v>
      </c>
      <c r="D57" s="1"/>
      <c r="G57" s="1"/>
      <c r="J57" s="1"/>
    </row>
    <row r="58" spans="1:10" x14ac:dyDescent="0.25">
      <c r="A58" s="1">
        <v>40880</v>
      </c>
      <c r="B58">
        <v>0</v>
      </c>
      <c r="C58">
        <f t="shared" si="0"/>
        <v>182.34999999999997</v>
      </c>
      <c r="D58" s="1"/>
      <c r="G58" s="1"/>
      <c r="J58" s="1"/>
    </row>
    <row r="59" spans="1:10" x14ac:dyDescent="0.25">
      <c r="A59" s="1">
        <v>40881</v>
      </c>
      <c r="B59">
        <v>0</v>
      </c>
      <c r="C59">
        <f t="shared" si="0"/>
        <v>182.34999999999997</v>
      </c>
      <c r="D59" s="1"/>
      <c r="G59" s="1"/>
      <c r="J59" s="1"/>
    </row>
    <row r="60" spans="1:10" x14ac:dyDescent="0.25">
      <c r="A60" s="1">
        <v>40882</v>
      </c>
      <c r="B60">
        <v>21</v>
      </c>
      <c r="C60">
        <f t="shared" si="0"/>
        <v>203.34999999999997</v>
      </c>
      <c r="D60" s="1"/>
      <c r="G60" s="1"/>
      <c r="J60" s="1"/>
    </row>
    <row r="61" spans="1:10" x14ac:dyDescent="0.25">
      <c r="A61" s="1">
        <v>40883</v>
      </c>
      <c r="B61">
        <v>3.4</v>
      </c>
      <c r="C61">
        <f t="shared" si="0"/>
        <v>206.74999999999997</v>
      </c>
      <c r="D61" s="1"/>
      <c r="G61" s="1"/>
      <c r="J61" s="1"/>
    </row>
    <row r="62" spans="1:10" x14ac:dyDescent="0.25">
      <c r="A62" s="1">
        <v>40884</v>
      </c>
      <c r="B62">
        <v>0</v>
      </c>
      <c r="C62">
        <f t="shared" si="0"/>
        <v>206.74999999999997</v>
      </c>
      <c r="D62" s="1"/>
      <c r="G62" s="1"/>
      <c r="J62" s="1"/>
    </row>
    <row r="63" spans="1:10" x14ac:dyDescent="0.25">
      <c r="A63" s="1">
        <v>40885</v>
      </c>
      <c r="B63">
        <v>0</v>
      </c>
      <c r="C63">
        <f t="shared" si="0"/>
        <v>206.74999999999997</v>
      </c>
      <c r="D63" s="1"/>
      <c r="G63" s="1"/>
      <c r="J63" s="1"/>
    </row>
    <row r="64" spans="1:10" x14ac:dyDescent="0.25">
      <c r="A64" s="1">
        <v>40886</v>
      </c>
      <c r="B64">
        <v>0</v>
      </c>
      <c r="C64">
        <f t="shared" si="0"/>
        <v>206.74999999999997</v>
      </c>
      <c r="D64" s="1"/>
      <c r="G64" s="1"/>
      <c r="J64" s="1"/>
    </row>
    <row r="65" spans="1:10" x14ac:dyDescent="0.25">
      <c r="A65" s="1">
        <v>40887</v>
      </c>
      <c r="B65">
        <v>0</v>
      </c>
      <c r="C65">
        <f t="shared" si="0"/>
        <v>206.74999999999997</v>
      </c>
      <c r="D65" s="1"/>
      <c r="G65" s="1"/>
      <c r="J65" s="1"/>
    </row>
    <row r="66" spans="1:10" x14ac:dyDescent="0.25">
      <c r="A66" s="1">
        <v>40888</v>
      </c>
      <c r="B66">
        <v>0</v>
      </c>
      <c r="C66">
        <f t="shared" si="0"/>
        <v>206.74999999999997</v>
      </c>
      <c r="D66" s="1"/>
      <c r="G66" s="1"/>
      <c r="J66" s="1"/>
    </row>
    <row r="67" spans="1:10" x14ac:dyDescent="0.25">
      <c r="A67" s="1">
        <v>40889</v>
      </c>
      <c r="B67">
        <v>1</v>
      </c>
      <c r="C67">
        <f t="shared" si="0"/>
        <v>207.74999999999997</v>
      </c>
      <c r="D67" s="1"/>
      <c r="G67" s="1"/>
      <c r="J67" s="1"/>
    </row>
    <row r="68" spans="1:10" x14ac:dyDescent="0.25">
      <c r="A68" s="1">
        <v>40890</v>
      </c>
      <c r="B68">
        <v>16.2</v>
      </c>
      <c r="C68">
        <f t="shared" si="0"/>
        <v>223.94999999999996</v>
      </c>
      <c r="D68" s="1"/>
      <c r="G68" s="1"/>
      <c r="J68" s="1"/>
    </row>
    <row r="69" spans="1:10" x14ac:dyDescent="0.25">
      <c r="A69" s="1">
        <v>40891</v>
      </c>
      <c r="B69">
        <v>0</v>
      </c>
      <c r="C69">
        <f t="shared" ref="C69:C132" si="1">B69+C68</f>
        <v>223.94999999999996</v>
      </c>
      <c r="D69" s="1"/>
      <c r="G69" s="1"/>
      <c r="J69" s="1"/>
    </row>
    <row r="70" spans="1:10" x14ac:dyDescent="0.25">
      <c r="A70" s="1">
        <v>40892</v>
      </c>
      <c r="B70">
        <v>13.8</v>
      </c>
      <c r="C70">
        <f t="shared" si="1"/>
        <v>237.74999999999997</v>
      </c>
      <c r="D70" s="1"/>
      <c r="G70" s="1"/>
      <c r="J70" s="1"/>
    </row>
    <row r="71" spans="1:10" x14ac:dyDescent="0.25">
      <c r="A71" s="1">
        <v>40893</v>
      </c>
      <c r="B71">
        <v>14.8</v>
      </c>
      <c r="C71">
        <f t="shared" si="1"/>
        <v>252.54999999999998</v>
      </c>
      <c r="D71" s="1"/>
      <c r="G71" s="1"/>
      <c r="J71" s="1"/>
    </row>
    <row r="72" spans="1:10" x14ac:dyDescent="0.25">
      <c r="A72" s="1">
        <v>40894</v>
      </c>
      <c r="B72">
        <v>0</v>
      </c>
      <c r="C72">
        <f t="shared" si="1"/>
        <v>252.54999999999998</v>
      </c>
      <c r="D72" s="1"/>
      <c r="G72" s="1"/>
      <c r="J72" s="1"/>
    </row>
    <row r="73" spans="1:10" x14ac:dyDescent="0.25">
      <c r="A73" s="1">
        <v>40895</v>
      </c>
      <c r="B73">
        <v>0</v>
      </c>
      <c r="C73">
        <f t="shared" si="1"/>
        <v>252.54999999999998</v>
      </c>
      <c r="D73" s="1"/>
      <c r="G73" s="1"/>
      <c r="J73" s="1"/>
    </row>
    <row r="74" spans="1:10" x14ac:dyDescent="0.25">
      <c r="A74" s="1">
        <v>40896</v>
      </c>
      <c r="B74">
        <v>28.2</v>
      </c>
      <c r="C74">
        <f t="shared" si="1"/>
        <v>280.75</v>
      </c>
      <c r="D74" s="1"/>
      <c r="G74" s="1"/>
      <c r="J74" s="1"/>
    </row>
    <row r="75" spans="1:10" x14ac:dyDescent="0.25">
      <c r="A75" s="1">
        <v>40897</v>
      </c>
      <c r="B75">
        <v>0</v>
      </c>
      <c r="C75">
        <f t="shared" si="1"/>
        <v>280.75</v>
      </c>
      <c r="D75" s="1"/>
      <c r="G75" s="1"/>
      <c r="J75" s="1"/>
    </row>
    <row r="76" spans="1:10" x14ac:dyDescent="0.25">
      <c r="A76" s="1">
        <v>40898</v>
      </c>
      <c r="B76">
        <v>0</v>
      </c>
      <c r="C76">
        <f t="shared" si="1"/>
        <v>280.75</v>
      </c>
      <c r="D76" s="1"/>
      <c r="G76" s="1"/>
      <c r="J76" s="1"/>
    </row>
    <row r="77" spans="1:10" x14ac:dyDescent="0.25">
      <c r="A77" s="1">
        <v>40899</v>
      </c>
      <c r="B77">
        <v>0</v>
      </c>
      <c r="C77">
        <f t="shared" si="1"/>
        <v>280.75</v>
      </c>
      <c r="D77" s="1"/>
      <c r="G77" s="1"/>
      <c r="J77" s="1"/>
    </row>
    <row r="78" spans="1:10" x14ac:dyDescent="0.25">
      <c r="A78" s="1">
        <v>40900</v>
      </c>
      <c r="B78">
        <v>0</v>
      </c>
      <c r="C78">
        <f t="shared" si="1"/>
        <v>280.75</v>
      </c>
      <c r="D78" s="1"/>
      <c r="G78" s="1"/>
      <c r="J78" s="1"/>
    </row>
    <row r="79" spans="1:10" x14ac:dyDescent="0.25">
      <c r="A79" s="1">
        <v>40901</v>
      </c>
      <c r="B79">
        <v>0</v>
      </c>
      <c r="C79">
        <f t="shared" si="1"/>
        <v>280.75</v>
      </c>
      <c r="D79" s="1"/>
      <c r="G79" s="1"/>
      <c r="J79" s="1"/>
    </row>
    <row r="80" spans="1:10" x14ac:dyDescent="0.25">
      <c r="A80" s="1">
        <v>40902</v>
      </c>
      <c r="B80">
        <v>0</v>
      </c>
      <c r="C80">
        <f t="shared" si="1"/>
        <v>280.75</v>
      </c>
      <c r="D80" s="1"/>
      <c r="G80" s="1"/>
      <c r="J80" s="1"/>
    </row>
    <row r="81" spans="1:10" x14ac:dyDescent="0.25">
      <c r="A81" s="1">
        <v>40903</v>
      </c>
      <c r="B81">
        <v>0</v>
      </c>
      <c r="C81">
        <f t="shared" si="1"/>
        <v>280.75</v>
      </c>
      <c r="D81" s="1"/>
      <c r="G81" s="1"/>
      <c r="J81" s="1"/>
    </row>
    <row r="82" spans="1:10" x14ac:dyDescent="0.25">
      <c r="A82" s="1">
        <v>40904</v>
      </c>
      <c r="B82">
        <v>0</v>
      </c>
      <c r="C82">
        <f t="shared" si="1"/>
        <v>280.75</v>
      </c>
      <c r="D82" s="1"/>
      <c r="G82" s="1"/>
      <c r="J82" s="1"/>
    </row>
    <row r="83" spans="1:10" x14ac:dyDescent="0.25">
      <c r="A83" s="1">
        <v>40905</v>
      </c>
      <c r="B83">
        <v>0</v>
      </c>
      <c r="C83">
        <f t="shared" si="1"/>
        <v>280.75</v>
      </c>
      <c r="D83" s="1"/>
      <c r="G83" s="1"/>
      <c r="J83" s="1"/>
    </row>
    <row r="84" spans="1:10" x14ac:dyDescent="0.25">
      <c r="A84" s="1">
        <v>40906</v>
      </c>
      <c r="B84">
        <v>0</v>
      </c>
      <c r="C84">
        <f t="shared" si="1"/>
        <v>280.75</v>
      </c>
      <c r="D84" s="1"/>
      <c r="G84" s="1"/>
      <c r="J84" s="1"/>
    </row>
    <row r="85" spans="1:10" x14ac:dyDescent="0.25">
      <c r="A85" s="1">
        <v>40907</v>
      </c>
      <c r="B85">
        <v>0</v>
      </c>
      <c r="C85">
        <f t="shared" si="1"/>
        <v>280.75</v>
      </c>
      <c r="D85" s="1"/>
      <c r="G85" s="1"/>
      <c r="J85" s="1"/>
    </row>
    <row r="86" spans="1:10" x14ac:dyDescent="0.25">
      <c r="A86" s="1">
        <v>40908</v>
      </c>
      <c r="B86">
        <v>0</v>
      </c>
      <c r="C86">
        <f t="shared" si="1"/>
        <v>280.75</v>
      </c>
      <c r="D86" s="1"/>
      <c r="G86" s="1"/>
      <c r="J86" s="1"/>
    </row>
    <row r="87" spans="1:10" x14ac:dyDescent="0.25">
      <c r="A87" s="1">
        <v>40909</v>
      </c>
      <c r="B87">
        <v>0</v>
      </c>
      <c r="C87">
        <f t="shared" si="1"/>
        <v>280.75</v>
      </c>
      <c r="D87" s="1"/>
      <c r="G87" s="1"/>
      <c r="J87" s="1"/>
    </row>
    <row r="88" spans="1:10" x14ac:dyDescent="0.25">
      <c r="A88" s="1">
        <v>40910</v>
      </c>
      <c r="B88">
        <v>0</v>
      </c>
      <c r="C88">
        <f t="shared" si="1"/>
        <v>280.75</v>
      </c>
      <c r="D88" s="1"/>
      <c r="G88" s="1"/>
      <c r="J88" s="1"/>
    </row>
    <row r="89" spans="1:10" x14ac:dyDescent="0.25">
      <c r="A89" s="1">
        <v>40911</v>
      </c>
      <c r="B89">
        <v>30.8</v>
      </c>
      <c r="C89">
        <f t="shared" si="1"/>
        <v>311.55</v>
      </c>
      <c r="D89" s="1"/>
      <c r="G89" s="1"/>
      <c r="J89" s="1"/>
    </row>
    <row r="90" spans="1:10" x14ac:dyDescent="0.25">
      <c r="A90" s="1">
        <v>40912</v>
      </c>
      <c r="B90">
        <v>0.7</v>
      </c>
      <c r="C90">
        <f t="shared" si="1"/>
        <v>312.25</v>
      </c>
      <c r="D90" s="1"/>
      <c r="G90" s="1"/>
      <c r="J90" s="1"/>
    </row>
    <row r="91" spans="1:10" x14ac:dyDescent="0.25">
      <c r="A91" s="1">
        <v>40913</v>
      </c>
      <c r="B91">
        <v>0.5</v>
      </c>
      <c r="C91">
        <f t="shared" si="1"/>
        <v>312.75</v>
      </c>
      <c r="D91" s="1"/>
      <c r="G91" s="1"/>
      <c r="J91" s="1"/>
    </row>
    <row r="92" spans="1:10" x14ac:dyDescent="0.25">
      <c r="A92" s="1">
        <v>40914</v>
      </c>
      <c r="B92">
        <v>0.25</v>
      </c>
      <c r="C92">
        <f t="shared" si="1"/>
        <v>313</v>
      </c>
      <c r="D92" s="1"/>
      <c r="G92" s="1"/>
      <c r="J92" s="1"/>
    </row>
    <row r="93" spans="1:10" x14ac:dyDescent="0.25">
      <c r="A93" s="1">
        <v>40915</v>
      </c>
      <c r="B93">
        <v>0</v>
      </c>
      <c r="C93">
        <f t="shared" si="1"/>
        <v>313</v>
      </c>
      <c r="D93" s="1"/>
      <c r="G93" s="1"/>
      <c r="J93" s="1"/>
    </row>
    <row r="94" spans="1:10" x14ac:dyDescent="0.25">
      <c r="A94" s="1">
        <v>40916</v>
      </c>
      <c r="B94">
        <v>0</v>
      </c>
      <c r="C94">
        <f t="shared" si="1"/>
        <v>313</v>
      </c>
      <c r="D94" s="1"/>
      <c r="G94" s="1"/>
      <c r="J94" s="1"/>
    </row>
    <row r="95" spans="1:10" x14ac:dyDescent="0.25">
      <c r="A95" s="1">
        <v>40917</v>
      </c>
      <c r="B95">
        <v>0</v>
      </c>
      <c r="C95">
        <f t="shared" si="1"/>
        <v>313</v>
      </c>
      <c r="D95" s="1"/>
      <c r="G95" s="1"/>
      <c r="J95" s="1"/>
    </row>
    <row r="96" spans="1:10" x14ac:dyDescent="0.25">
      <c r="A96" s="1">
        <v>40918</v>
      </c>
      <c r="B96">
        <v>0</v>
      </c>
      <c r="C96">
        <f t="shared" si="1"/>
        <v>313</v>
      </c>
      <c r="D96" s="1"/>
      <c r="G96" s="1"/>
      <c r="J96" s="1"/>
    </row>
    <row r="97" spans="1:10" x14ac:dyDescent="0.25">
      <c r="A97" s="1">
        <v>40919</v>
      </c>
      <c r="B97">
        <v>0</v>
      </c>
      <c r="C97">
        <f t="shared" si="1"/>
        <v>313</v>
      </c>
      <c r="D97" s="1"/>
      <c r="G97" s="1"/>
      <c r="J97" s="1"/>
    </row>
    <row r="98" spans="1:10" x14ac:dyDescent="0.25">
      <c r="A98" s="1">
        <v>40920</v>
      </c>
      <c r="B98">
        <v>0</v>
      </c>
      <c r="C98">
        <f t="shared" si="1"/>
        <v>313</v>
      </c>
      <c r="D98" s="1"/>
      <c r="G98" s="1"/>
      <c r="J98" s="1"/>
    </row>
    <row r="99" spans="1:10" x14ac:dyDescent="0.25">
      <c r="A99" s="1">
        <v>40921</v>
      </c>
      <c r="B99">
        <v>0</v>
      </c>
      <c r="C99">
        <f t="shared" si="1"/>
        <v>313</v>
      </c>
      <c r="D99" s="1"/>
      <c r="G99" s="1"/>
      <c r="J99" s="1"/>
    </row>
    <row r="100" spans="1:10" x14ac:dyDescent="0.25">
      <c r="A100" s="1">
        <v>40922</v>
      </c>
      <c r="B100">
        <v>0</v>
      </c>
      <c r="C100">
        <f t="shared" si="1"/>
        <v>313</v>
      </c>
      <c r="D100" s="1"/>
      <c r="G100" s="1"/>
      <c r="J100" s="1"/>
    </row>
    <row r="101" spans="1:10" x14ac:dyDescent="0.25">
      <c r="A101" s="1">
        <v>40923</v>
      </c>
      <c r="B101">
        <v>0</v>
      </c>
      <c r="C101">
        <f t="shared" si="1"/>
        <v>313</v>
      </c>
      <c r="D101" s="1"/>
      <c r="G101" s="1"/>
      <c r="J101" s="1"/>
    </row>
    <row r="102" spans="1:10" x14ac:dyDescent="0.25">
      <c r="A102" s="1">
        <v>40924</v>
      </c>
      <c r="B102">
        <v>0</v>
      </c>
      <c r="C102">
        <f t="shared" si="1"/>
        <v>313</v>
      </c>
      <c r="D102" s="1"/>
      <c r="G102" s="1"/>
      <c r="J102" s="1"/>
    </row>
    <row r="103" spans="1:10" x14ac:dyDescent="0.25">
      <c r="A103" s="1">
        <v>40925</v>
      </c>
      <c r="B103">
        <v>0</v>
      </c>
      <c r="C103">
        <f t="shared" si="1"/>
        <v>313</v>
      </c>
      <c r="D103" s="1"/>
      <c r="G103" s="1"/>
      <c r="J103" s="1"/>
    </row>
    <row r="104" spans="1:10" x14ac:dyDescent="0.25">
      <c r="A104" s="1">
        <v>40926</v>
      </c>
      <c r="B104">
        <v>0</v>
      </c>
      <c r="C104">
        <f t="shared" si="1"/>
        <v>313</v>
      </c>
      <c r="D104" s="1"/>
      <c r="G104" s="1"/>
      <c r="J104" s="1"/>
    </row>
    <row r="105" spans="1:10" x14ac:dyDescent="0.25">
      <c r="A105" s="1">
        <v>40927</v>
      </c>
      <c r="B105">
        <v>0</v>
      </c>
      <c r="C105">
        <f t="shared" si="1"/>
        <v>313</v>
      </c>
      <c r="D105" s="1"/>
      <c r="G105" s="1"/>
      <c r="J105" s="1"/>
    </row>
    <row r="106" spans="1:10" x14ac:dyDescent="0.25">
      <c r="A106" s="1">
        <v>40928</v>
      </c>
      <c r="B106">
        <v>0</v>
      </c>
      <c r="C106">
        <f t="shared" si="1"/>
        <v>313</v>
      </c>
      <c r="D106" s="1"/>
      <c r="G106" s="1"/>
      <c r="J106" s="1"/>
    </row>
    <row r="107" spans="1:10" x14ac:dyDescent="0.25">
      <c r="A107" s="1">
        <v>40929</v>
      </c>
      <c r="B107">
        <v>0</v>
      </c>
      <c r="C107">
        <f t="shared" si="1"/>
        <v>313</v>
      </c>
      <c r="D107" s="1"/>
      <c r="G107" s="1"/>
      <c r="J107" s="1"/>
    </row>
    <row r="108" spans="1:10" x14ac:dyDescent="0.25">
      <c r="A108" s="1">
        <v>40930</v>
      </c>
      <c r="B108">
        <v>0</v>
      </c>
      <c r="C108">
        <f t="shared" si="1"/>
        <v>313</v>
      </c>
      <c r="D108" s="1"/>
      <c r="G108" s="1"/>
      <c r="J108" s="1"/>
    </row>
    <row r="109" spans="1:10" x14ac:dyDescent="0.25">
      <c r="A109" s="1">
        <v>40931</v>
      </c>
      <c r="B109">
        <v>1.9</v>
      </c>
      <c r="C109">
        <f t="shared" si="1"/>
        <v>314.89999999999998</v>
      </c>
      <c r="D109" s="1"/>
      <c r="G109" s="1"/>
      <c r="J109" s="1"/>
    </row>
    <row r="110" spans="1:10" x14ac:dyDescent="0.25">
      <c r="A110" s="1">
        <v>40932</v>
      </c>
      <c r="B110">
        <v>0</v>
      </c>
      <c r="C110">
        <f t="shared" si="1"/>
        <v>314.89999999999998</v>
      </c>
      <c r="D110" s="1"/>
      <c r="G110" s="1"/>
      <c r="J110" s="1"/>
    </row>
    <row r="111" spans="1:10" x14ac:dyDescent="0.25">
      <c r="A111" s="1">
        <v>40933</v>
      </c>
      <c r="B111">
        <v>2.8</v>
      </c>
      <c r="C111">
        <f t="shared" si="1"/>
        <v>317.7</v>
      </c>
      <c r="D111" s="1"/>
      <c r="G111" s="1"/>
      <c r="J111" s="1"/>
    </row>
    <row r="112" spans="1:10" x14ac:dyDescent="0.25">
      <c r="A112" s="1">
        <v>40934</v>
      </c>
      <c r="B112">
        <v>0</v>
      </c>
      <c r="C112">
        <f t="shared" si="1"/>
        <v>317.7</v>
      </c>
      <c r="D112" s="1"/>
      <c r="G112" s="1"/>
      <c r="J112" s="1"/>
    </row>
    <row r="113" spans="1:10" x14ac:dyDescent="0.25">
      <c r="A113" s="1">
        <v>40935</v>
      </c>
      <c r="B113">
        <v>0</v>
      </c>
      <c r="C113">
        <f t="shared" si="1"/>
        <v>317.7</v>
      </c>
      <c r="D113" s="1"/>
      <c r="G113" s="1"/>
      <c r="J113" s="1"/>
    </row>
    <row r="114" spans="1:10" x14ac:dyDescent="0.25">
      <c r="A114" s="1">
        <v>40936</v>
      </c>
      <c r="B114">
        <v>0</v>
      </c>
      <c r="C114">
        <f t="shared" si="1"/>
        <v>317.7</v>
      </c>
      <c r="D114" s="1"/>
      <c r="G114" s="1"/>
      <c r="J114" s="1"/>
    </row>
    <row r="115" spans="1:10" x14ac:dyDescent="0.25">
      <c r="A115" s="1">
        <v>40937</v>
      </c>
      <c r="B115">
        <v>0</v>
      </c>
      <c r="C115">
        <f t="shared" si="1"/>
        <v>317.7</v>
      </c>
      <c r="D115" s="1"/>
      <c r="G115" s="1"/>
      <c r="J115" s="1"/>
    </row>
    <row r="116" spans="1:10" x14ac:dyDescent="0.25">
      <c r="A116" s="1">
        <v>40938</v>
      </c>
      <c r="B116">
        <v>0</v>
      </c>
      <c r="C116">
        <f t="shared" si="1"/>
        <v>317.7</v>
      </c>
      <c r="D116" s="1"/>
      <c r="G116" s="1"/>
      <c r="J116" s="1"/>
    </row>
    <row r="117" spans="1:10" x14ac:dyDescent="0.25">
      <c r="A117" s="1">
        <v>40939</v>
      </c>
      <c r="B117">
        <v>0</v>
      </c>
      <c r="C117">
        <f t="shared" si="1"/>
        <v>317.7</v>
      </c>
      <c r="D117" s="1"/>
      <c r="G117" s="1"/>
      <c r="J117" s="1"/>
    </row>
    <row r="118" spans="1:10" x14ac:dyDescent="0.25">
      <c r="A118" s="1">
        <v>40940</v>
      </c>
      <c r="B118">
        <v>0</v>
      </c>
      <c r="C118">
        <f t="shared" si="1"/>
        <v>317.7</v>
      </c>
      <c r="D118" s="1"/>
      <c r="G118" s="1"/>
      <c r="J118" s="1"/>
    </row>
    <row r="119" spans="1:10" x14ac:dyDescent="0.25">
      <c r="A119" s="1">
        <v>40941</v>
      </c>
      <c r="B119">
        <v>0</v>
      </c>
      <c r="C119">
        <f t="shared" si="1"/>
        <v>317.7</v>
      </c>
      <c r="D119" s="1"/>
      <c r="G119" s="1"/>
      <c r="J119" s="1"/>
    </row>
    <row r="120" spans="1:10" x14ac:dyDescent="0.25">
      <c r="A120" s="1">
        <v>40942</v>
      </c>
      <c r="B120">
        <v>0</v>
      </c>
      <c r="C120">
        <f t="shared" si="1"/>
        <v>317.7</v>
      </c>
      <c r="D120" s="1"/>
      <c r="G120" s="1"/>
      <c r="J120" s="1"/>
    </row>
    <row r="121" spans="1:10" x14ac:dyDescent="0.25">
      <c r="A121" s="1">
        <v>40943</v>
      </c>
      <c r="B121">
        <v>0</v>
      </c>
      <c r="C121">
        <f t="shared" si="1"/>
        <v>317.7</v>
      </c>
      <c r="D121" s="1"/>
      <c r="G121" s="1"/>
      <c r="J121" s="1"/>
    </row>
    <row r="122" spans="1:10" x14ac:dyDescent="0.25">
      <c r="A122" s="1">
        <v>40944</v>
      </c>
      <c r="B122">
        <v>0</v>
      </c>
      <c r="C122">
        <f t="shared" si="1"/>
        <v>317.7</v>
      </c>
      <c r="D122" s="1"/>
      <c r="G122" s="1"/>
      <c r="J122" s="1"/>
    </row>
    <row r="123" spans="1:10" x14ac:dyDescent="0.25">
      <c r="A123" s="1">
        <v>40945</v>
      </c>
      <c r="B123">
        <v>0</v>
      </c>
      <c r="C123">
        <f t="shared" si="1"/>
        <v>317.7</v>
      </c>
      <c r="D123" s="1"/>
      <c r="G123" s="1"/>
      <c r="J123" s="1"/>
    </row>
    <row r="124" spans="1:10" x14ac:dyDescent="0.25">
      <c r="A124" s="1">
        <v>40946</v>
      </c>
      <c r="B124">
        <v>0</v>
      </c>
      <c r="C124">
        <f t="shared" si="1"/>
        <v>317.7</v>
      </c>
      <c r="D124" s="1"/>
      <c r="G124" s="1"/>
      <c r="J124" s="1"/>
    </row>
    <row r="125" spans="1:10" x14ac:dyDescent="0.25">
      <c r="A125" s="1">
        <v>40947</v>
      </c>
      <c r="B125">
        <v>0</v>
      </c>
      <c r="C125">
        <f t="shared" si="1"/>
        <v>317.7</v>
      </c>
      <c r="D125" s="1"/>
      <c r="G125" s="1"/>
      <c r="J125" s="1"/>
    </row>
    <row r="126" spans="1:10" x14ac:dyDescent="0.25">
      <c r="A126" s="1">
        <v>40948</v>
      </c>
      <c r="B126">
        <v>0</v>
      </c>
      <c r="C126">
        <f t="shared" si="1"/>
        <v>317.7</v>
      </c>
      <c r="D126" s="1"/>
      <c r="G126" s="1"/>
      <c r="J126" s="1"/>
    </row>
    <row r="127" spans="1:10" x14ac:dyDescent="0.25">
      <c r="A127" s="1">
        <v>40949</v>
      </c>
      <c r="B127">
        <v>0</v>
      </c>
      <c r="C127">
        <f t="shared" si="1"/>
        <v>317.7</v>
      </c>
      <c r="D127" s="1"/>
      <c r="G127" s="1"/>
      <c r="J127" s="1"/>
    </row>
    <row r="128" spans="1:10" x14ac:dyDescent="0.25">
      <c r="A128" s="1">
        <v>40950</v>
      </c>
      <c r="B128">
        <v>0</v>
      </c>
      <c r="C128">
        <f t="shared" si="1"/>
        <v>317.7</v>
      </c>
      <c r="D128" s="1"/>
      <c r="G128" s="1"/>
      <c r="J128" s="1"/>
    </row>
    <row r="129" spans="1:10" x14ac:dyDescent="0.25">
      <c r="A129" s="1">
        <v>40951</v>
      </c>
      <c r="B129">
        <v>0</v>
      </c>
      <c r="C129">
        <f t="shared" si="1"/>
        <v>317.7</v>
      </c>
      <c r="D129" s="1"/>
      <c r="G129" s="1"/>
      <c r="J129" s="1"/>
    </row>
    <row r="130" spans="1:10" x14ac:dyDescent="0.25">
      <c r="A130" s="1">
        <v>40952</v>
      </c>
      <c r="B130">
        <v>0</v>
      </c>
      <c r="C130">
        <f t="shared" si="1"/>
        <v>317.7</v>
      </c>
      <c r="D130" s="1"/>
      <c r="G130" s="1"/>
      <c r="J130" s="1"/>
    </row>
    <row r="131" spans="1:10" x14ac:dyDescent="0.25">
      <c r="A131" s="1">
        <v>40953</v>
      </c>
      <c r="B131">
        <v>0</v>
      </c>
      <c r="C131">
        <f t="shared" si="1"/>
        <v>317.7</v>
      </c>
      <c r="D131" s="1"/>
      <c r="G131" s="1"/>
      <c r="J131" s="1"/>
    </row>
    <row r="132" spans="1:10" x14ac:dyDescent="0.25">
      <c r="A132" s="1">
        <v>40954</v>
      </c>
      <c r="B132">
        <v>0</v>
      </c>
      <c r="C132">
        <f t="shared" si="1"/>
        <v>317.7</v>
      </c>
      <c r="D132" s="1"/>
      <c r="G132" s="1"/>
      <c r="J132" s="1"/>
    </row>
    <row r="133" spans="1:10" x14ac:dyDescent="0.25">
      <c r="A133" s="1">
        <v>40955</v>
      </c>
      <c r="B133">
        <v>0</v>
      </c>
      <c r="C133">
        <f t="shared" ref="C133:C196" si="2">B133+C132</f>
        <v>317.7</v>
      </c>
      <c r="D133" s="1"/>
      <c r="G133" s="1"/>
      <c r="J133" s="1"/>
    </row>
    <row r="134" spans="1:10" x14ac:dyDescent="0.25">
      <c r="A134" s="1">
        <v>40956</v>
      </c>
      <c r="B134">
        <v>0</v>
      </c>
      <c r="C134">
        <f t="shared" si="2"/>
        <v>317.7</v>
      </c>
      <c r="D134" s="1"/>
      <c r="G134" s="1"/>
      <c r="J134" s="1"/>
    </row>
    <row r="135" spans="1:10" x14ac:dyDescent="0.25">
      <c r="A135" s="1">
        <v>40957</v>
      </c>
      <c r="B135">
        <v>0</v>
      </c>
      <c r="C135">
        <f t="shared" si="2"/>
        <v>317.7</v>
      </c>
      <c r="D135" s="1"/>
      <c r="G135" s="1"/>
      <c r="J135" s="1"/>
    </row>
    <row r="136" spans="1:10" x14ac:dyDescent="0.25">
      <c r="A136" s="1">
        <v>40958</v>
      </c>
      <c r="B136">
        <v>0</v>
      </c>
      <c r="C136">
        <f t="shared" si="2"/>
        <v>317.7</v>
      </c>
      <c r="D136" s="1"/>
      <c r="G136" s="1"/>
      <c r="J136" s="1"/>
    </row>
    <row r="137" spans="1:10" x14ac:dyDescent="0.25">
      <c r="A137" s="1">
        <v>40959</v>
      </c>
      <c r="B137">
        <v>0</v>
      </c>
      <c r="C137">
        <f t="shared" si="2"/>
        <v>317.7</v>
      </c>
      <c r="D137" s="1"/>
      <c r="G137" s="1"/>
      <c r="J137" s="1"/>
    </row>
    <row r="138" spans="1:10" x14ac:dyDescent="0.25">
      <c r="A138" s="1">
        <v>40960</v>
      </c>
      <c r="B138">
        <v>0</v>
      </c>
      <c r="C138">
        <f t="shared" si="2"/>
        <v>317.7</v>
      </c>
      <c r="D138" s="1"/>
      <c r="G138" s="1"/>
      <c r="J138" s="1"/>
    </row>
    <row r="139" spans="1:10" x14ac:dyDescent="0.25">
      <c r="A139" s="1">
        <v>40961</v>
      </c>
      <c r="B139">
        <v>0</v>
      </c>
      <c r="C139">
        <f t="shared" si="2"/>
        <v>317.7</v>
      </c>
      <c r="D139" s="1"/>
      <c r="G139" s="1"/>
      <c r="J139" s="1"/>
    </row>
    <row r="140" spans="1:10" x14ac:dyDescent="0.25">
      <c r="A140" s="1">
        <v>40962</v>
      </c>
      <c r="B140">
        <v>0</v>
      </c>
      <c r="C140">
        <f t="shared" si="2"/>
        <v>317.7</v>
      </c>
      <c r="D140" s="1"/>
      <c r="G140" s="1"/>
      <c r="J140" s="1"/>
    </row>
    <row r="141" spans="1:10" x14ac:dyDescent="0.25">
      <c r="A141" s="1">
        <v>40963</v>
      </c>
      <c r="B141">
        <v>0</v>
      </c>
      <c r="C141">
        <f t="shared" si="2"/>
        <v>317.7</v>
      </c>
      <c r="D141" s="1"/>
      <c r="G141" s="1"/>
      <c r="J141" s="1"/>
    </row>
    <row r="142" spans="1:10" x14ac:dyDescent="0.25">
      <c r="A142" s="1">
        <v>40964</v>
      </c>
      <c r="B142">
        <v>0</v>
      </c>
      <c r="C142">
        <f t="shared" si="2"/>
        <v>317.7</v>
      </c>
      <c r="D142" s="1"/>
      <c r="G142" s="1"/>
      <c r="J142" s="1"/>
    </row>
    <row r="143" spans="1:10" x14ac:dyDescent="0.25">
      <c r="A143" s="1">
        <v>40965</v>
      </c>
      <c r="B143">
        <v>0</v>
      </c>
      <c r="C143">
        <f t="shared" si="2"/>
        <v>317.7</v>
      </c>
      <c r="D143" s="1"/>
      <c r="G143" s="1"/>
      <c r="J143" s="1"/>
    </row>
    <row r="144" spans="1:10" x14ac:dyDescent="0.25">
      <c r="A144" s="1">
        <v>40966</v>
      </c>
      <c r="B144">
        <v>0</v>
      </c>
      <c r="C144">
        <f t="shared" si="2"/>
        <v>317.7</v>
      </c>
      <c r="D144" s="1"/>
      <c r="G144" s="1"/>
      <c r="J144" s="1"/>
    </row>
    <row r="145" spans="1:10" x14ac:dyDescent="0.25">
      <c r="A145" s="1">
        <v>40967</v>
      </c>
      <c r="B145">
        <v>0</v>
      </c>
      <c r="C145">
        <f t="shared" si="2"/>
        <v>317.7</v>
      </c>
      <c r="D145" s="1"/>
      <c r="G145" s="1"/>
      <c r="J145" s="1"/>
    </row>
    <row r="146" spans="1:10" x14ac:dyDescent="0.25">
      <c r="A146" s="1">
        <v>40968</v>
      </c>
      <c r="B146">
        <v>0</v>
      </c>
      <c r="C146">
        <f t="shared" si="2"/>
        <v>317.7</v>
      </c>
      <c r="D146" s="1"/>
      <c r="G146" s="1"/>
      <c r="J146" s="1"/>
    </row>
    <row r="147" spans="1:10" x14ac:dyDescent="0.25">
      <c r="A147" s="1">
        <v>40969</v>
      </c>
      <c r="B147">
        <v>0</v>
      </c>
      <c r="C147">
        <f t="shared" si="2"/>
        <v>317.7</v>
      </c>
      <c r="D147" s="1"/>
      <c r="G147" s="1"/>
      <c r="J147" s="1"/>
    </row>
    <row r="148" spans="1:10" x14ac:dyDescent="0.25">
      <c r="A148" s="1">
        <v>40970</v>
      </c>
      <c r="B148">
        <v>0</v>
      </c>
      <c r="C148">
        <f t="shared" si="2"/>
        <v>317.7</v>
      </c>
      <c r="D148" s="1"/>
      <c r="G148" s="1"/>
      <c r="J148" s="1"/>
    </row>
    <row r="149" spans="1:10" x14ac:dyDescent="0.25">
      <c r="A149" s="1">
        <v>40971</v>
      </c>
      <c r="B149">
        <v>0</v>
      </c>
      <c r="C149">
        <f t="shared" si="2"/>
        <v>317.7</v>
      </c>
      <c r="D149" s="1"/>
      <c r="G149" s="1"/>
      <c r="J149" s="1"/>
    </row>
    <row r="150" spans="1:10" x14ac:dyDescent="0.25">
      <c r="A150" s="1">
        <v>40972</v>
      </c>
      <c r="B150">
        <v>0</v>
      </c>
      <c r="C150">
        <f t="shared" si="2"/>
        <v>317.7</v>
      </c>
      <c r="D150" s="1"/>
      <c r="G150" s="1"/>
      <c r="J150" s="1"/>
    </row>
    <row r="151" spans="1:10" x14ac:dyDescent="0.25">
      <c r="A151" s="1">
        <v>40973</v>
      </c>
      <c r="B151">
        <v>0</v>
      </c>
      <c r="C151">
        <f t="shared" si="2"/>
        <v>317.7</v>
      </c>
      <c r="D151" s="1"/>
      <c r="G151" s="1"/>
      <c r="J151" s="1"/>
    </row>
    <row r="152" spans="1:10" x14ac:dyDescent="0.25">
      <c r="A152" s="1">
        <v>40974</v>
      </c>
      <c r="B152">
        <v>0</v>
      </c>
      <c r="C152">
        <f t="shared" si="2"/>
        <v>317.7</v>
      </c>
      <c r="D152" s="1"/>
      <c r="G152" s="1"/>
      <c r="J152" s="1"/>
    </row>
    <row r="153" spans="1:10" x14ac:dyDescent="0.25">
      <c r="A153" s="1">
        <v>40975</v>
      </c>
      <c r="B153">
        <v>0</v>
      </c>
      <c r="C153">
        <f t="shared" si="2"/>
        <v>317.7</v>
      </c>
      <c r="D153" s="1"/>
      <c r="G153" s="1"/>
      <c r="J153" s="1"/>
    </row>
    <row r="154" spans="1:10" x14ac:dyDescent="0.25">
      <c r="A154" s="1">
        <v>40976</v>
      </c>
      <c r="B154">
        <v>0</v>
      </c>
      <c r="C154">
        <f t="shared" si="2"/>
        <v>317.7</v>
      </c>
      <c r="D154" s="1"/>
      <c r="G154" s="1"/>
      <c r="J154" s="1"/>
    </row>
    <row r="155" spans="1:10" x14ac:dyDescent="0.25">
      <c r="A155" s="1">
        <v>40977</v>
      </c>
      <c r="B155">
        <v>0</v>
      </c>
      <c r="C155">
        <f t="shared" si="2"/>
        <v>317.7</v>
      </c>
      <c r="D155" s="1"/>
      <c r="G155" s="1"/>
      <c r="J155" s="1"/>
    </row>
    <row r="156" spans="1:10" x14ac:dyDescent="0.25">
      <c r="A156" s="1">
        <v>40978</v>
      </c>
      <c r="B156">
        <v>0</v>
      </c>
      <c r="C156">
        <f t="shared" si="2"/>
        <v>317.7</v>
      </c>
      <c r="D156" s="1"/>
      <c r="G156" s="1"/>
      <c r="J156" s="1"/>
    </row>
    <row r="157" spans="1:10" x14ac:dyDescent="0.25">
      <c r="A157" s="1">
        <v>40979</v>
      </c>
      <c r="B157">
        <v>0</v>
      </c>
      <c r="C157">
        <f t="shared" si="2"/>
        <v>317.7</v>
      </c>
      <c r="D157" s="1"/>
      <c r="G157" s="1"/>
      <c r="J157" s="1"/>
    </row>
    <row r="158" spans="1:10" x14ac:dyDescent="0.25">
      <c r="A158" s="1">
        <v>40980</v>
      </c>
      <c r="B158">
        <v>0</v>
      </c>
      <c r="C158">
        <f t="shared" si="2"/>
        <v>317.7</v>
      </c>
      <c r="D158" s="1"/>
      <c r="G158" s="1"/>
      <c r="J158" s="1"/>
    </row>
    <row r="159" spans="1:10" x14ac:dyDescent="0.25">
      <c r="A159" s="1">
        <v>40981</v>
      </c>
      <c r="B159">
        <v>0</v>
      </c>
      <c r="C159">
        <f t="shared" si="2"/>
        <v>317.7</v>
      </c>
      <c r="D159" s="1"/>
      <c r="G159" s="1"/>
      <c r="J159" s="1"/>
    </row>
    <row r="160" spans="1:10" x14ac:dyDescent="0.25">
      <c r="A160" s="1">
        <v>40982</v>
      </c>
      <c r="B160">
        <v>0</v>
      </c>
      <c r="C160">
        <f t="shared" si="2"/>
        <v>317.7</v>
      </c>
      <c r="D160" s="1"/>
      <c r="G160" s="1"/>
      <c r="J160" s="1"/>
    </row>
    <row r="161" spans="1:10" x14ac:dyDescent="0.25">
      <c r="A161" s="1">
        <v>40983</v>
      </c>
      <c r="B161">
        <v>0</v>
      </c>
      <c r="C161">
        <f t="shared" si="2"/>
        <v>317.7</v>
      </c>
      <c r="D161" s="1"/>
      <c r="G161" s="1"/>
      <c r="J161" s="1"/>
    </row>
    <row r="162" spans="1:10" x14ac:dyDescent="0.25">
      <c r="A162" s="1">
        <v>40984</v>
      </c>
      <c r="B162">
        <v>0</v>
      </c>
      <c r="C162">
        <f t="shared" si="2"/>
        <v>317.7</v>
      </c>
      <c r="D162" s="1"/>
      <c r="G162" s="1"/>
      <c r="J162" s="1"/>
    </row>
    <row r="163" spans="1:10" x14ac:dyDescent="0.25">
      <c r="A163" s="1">
        <v>40985</v>
      </c>
      <c r="B163">
        <v>0</v>
      </c>
      <c r="C163">
        <f t="shared" si="2"/>
        <v>317.7</v>
      </c>
      <c r="D163" s="1"/>
      <c r="G163" s="1"/>
      <c r="J163" s="1"/>
    </row>
    <row r="164" spans="1:10" x14ac:dyDescent="0.25">
      <c r="A164" s="1">
        <v>40986</v>
      </c>
      <c r="B164">
        <v>0</v>
      </c>
      <c r="C164">
        <f t="shared" si="2"/>
        <v>317.7</v>
      </c>
      <c r="D164" s="1"/>
      <c r="G164" s="1"/>
      <c r="J164" s="1"/>
    </row>
    <row r="165" spans="1:10" x14ac:dyDescent="0.25">
      <c r="A165" s="1">
        <v>40987</v>
      </c>
      <c r="B165">
        <v>0</v>
      </c>
      <c r="C165">
        <f t="shared" si="2"/>
        <v>317.7</v>
      </c>
      <c r="D165" s="1"/>
      <c r="G165" s="1"/>
      <c r="J165" s="1"/>
    </row>
    <row r="166" spans="1:10" x14ac:dyDescent="0.25">
      <c r="A166" s="1">
        <v>40988</v>
      </c>
      <c r="B166">
        <v>24</v>
      </c>
      <c r="C166">
        <f t="shared" si="2"/>
        <v>341.7</v>
      </c>
      <c r="D166" s="1"/>
      <c r="G166" s="1"/>
      <c r="J166" s="1"/>
    </row>
    <row r="167" spans="1:10" x14ac:dyDescent="0.25">
      <c r="A167" s="1">
        <v>40989</v>
      </c>
      <c r="B167">
        <v>0</v>
      </c>
      <c r="C167">
        <f t="shared" si="2"/>
        <v>341.7</v>
      </c>
      <c r="D167" s="1"/>
      <c r="G167" s="1"/>
      <c r="J167" s="1"/>
    </row>
    <row r="168" spans="1:10" x14ac:dyDescent="0.25">
      <c r="A168" s="1">
        <v>40990</v>
      </c>
      <c r="B168">
        <v>0</v>
      </c>
      <c r="C168">
        <f t="shared" si="2"/>
        <v>341.7</v>
      </c>
      <c r="D168" s="1"/>
      <c r="G168" s="1"/>
      <c r="J168" s="1"/>
    </row>
    <row r="169" spans="1:10" x14ac:dyDescent="0.25">
      <c r="A169" s="1">
        <v>40991</v>
      </c>
      <c r="B169">
        <v>0</v>
      </c>
      <c r="C169">
        <f t="shared" si="2"/>
        <v>341.7</v>
      </c>
      <c r="D169" s="1"/>
      <c r="G169" s="1"/>
      <c r="J169" s="1"/>
    </row>
    <row r="170" spans="1:10" x14ac:dyDescent="0.25">
      <c r="A170" s="1">
        <v>40992</v>
      </c>
      <c r="B170">
        <v>0</v>
      </c>
      <c r="C170">
        <f t="shared" si="2"/>
        <v>341.7</v>
      </c>
      <c r="D170" s="1"/>
      <c r="G170" s="1"/>
      <c r="J170" s="1"/>
    </row>
    <row r="171" spans="1:10" x14ac:dyDescent="0.25">
      <c r="A171" s="1">
        <v>40993</v>
      </c>
      <c r="B171">
        <v>0</v>
      </c>
      <c r="C171">
        <f t="shared" si="2"/>
        <v>341.7</v>
      </c>
      <c r="D171" s="1"/>
      <c r="G171" s="1"/>
      <c r="J171" s="1"/>
    </row>
    <row r="172" spans="1:10" x14ac:dyDescent="0.25">
      <c r="A172" s="1">
        <v>40994</v>
      </c>
      <c r="B172">
        <v>0</v>
      </c>
      <c r="C172">
        <f t="shared" si="2"/>
        <v>341.7</v>
      </c>
      <c r="D172" s="1"/>
      <c r="G172" s="1"/>
      <c r="J172" s="1"/>
    </row>
    <row r="173" spans="1:10" x14ac:dyDescent="0.25">
      <c r="A173" s="1">
        <v>40995</v>
      </c>
      <c r="B173">
        <v>0</v>
      </c>
      <c r="C173">
        <f t="shared" si="2"/>
        <v>341.7</v>
      </c>
      <c r="D173" s="1"/>
      <c r="G173" s="1"/>
      <c r="J173" s="1"/>
    </row>
    <row r="174" spans="1:10" x14ac:dyDescent="0.25">
      <c r="A174" s="1">
        <v>40996</v>
      </c>
      <c r="B174">
        <v>0</v>
      </c>
      <c r="C174">
        <f t="shared" si="2"/>
        <v>341.7</v>
      </c>
      <c r="D174" s="1"/>
      <c r="G174" s="1"/>
      <c r="J174" s="1"/>
    </row>
    <row r="175" spans="1:10" x14ac:dyDescent="0.25">
      <c r="A175" s="1">
        <v>40997</v>
      </c>
      <c r="B175">
        <v>0</v>
      </c>
      <c r="C175">
        <f t="shared" si="2"/>
        <v>341.7</v>
      </c>
      <c r="D175" s="1"/>
      <c r="G175" s="1"/>
      <c r="J175" s="1"/>
    </row>
    <row r="176" spans="1:10" x14ac:dyDescent="0.25">
      <c r="A176" s="1">
        <v>40998</v>
      </c>
      <c r="B176">
        <v>0</v>
      </c>
      <c r="C176">
        <f t="shared" si="2"/>
        <v>341.7</v>
      </c>
      <c r="D176" s="1"/>
      <c r="G176" s="1"/>
      <c r="J176" s="1"/>
    </row>
    <row r="177" spans="1:10" x14ac:dyDescent="0.25">
      <c r="A177" s="1">
        <v>40999</v>
      </c>
      <c r="B177">
        <v>0</v>
      </c>
      <c r="C177">
        <f t="shared" si="2"/>
        <v>341.7</v>
      </c>
      <c r="D177" s="1"/>
      <c r="G177" s="1"/>
      <c r="J177" s="1"/>
    </row>
    <row r="178" spans="1:10" x14ac:dyDescent="0.25">
      <c r="A178" s="1">
        <v>41000</v>
      </c>
      <c r="B178">
        <v>0</v>
      </c>
      <c r="C178">
        <f t="shared" si="2"/>
        <v>341.7</v>
      </c>
      <c r="D178" s="1"/>
      <c r="G178" s="1"/>
      <c r="J178" s="1"/>
    </row>
    <row r="179" spans="1:10" x14ac:dyDescent="0.25">
      <c r="A179" s="1">
        <v>41001</v>
      </c>
      <c r="B179">
        <v>3.6</v>
      </c>
      <c r="C179">
        <f t="shared" si="2"/>
        <v>345.3</v>
      </c>
      <c r="D179" s="1"/>
      <c r="G179" s="1"/>
      <c r="J179" s="1"/>
    </row>
    <row r="180" spans="1:10" x14ac:dyDescent="0.25">
      <c r="A180" s="1">
        <v>41002</v>
      </c>
      <c r="B180">
        <v>0</v>
      </c>
      <c r="C180">
        <f t="shared" si="2"/>
        <v>345.3</v>
      </c>
      <c r="D180" s="1"/>
      <c r="G180" s="1"/>
      <c r="J180" s="1"/>
    </row>
    <row r="181" spans="1:10" x14ac:dyDescent="0.25">
      <c r="A181" s="1">
        <v>41003</v>
      </c>
      <c r="B181">
        <v>1.5</v>
      </c>
      <c r="C181">
        <f t="shared" si="2"/>
        <v>346.8</v>
      </c>
      <c r="D181" s="1"/>
      <c r="G181" s="1"/>
      <c r="J181" s="1"/>
    </row>
    <row r="182" spans="1:10" x14ac:dyDescent="0.25">
      <c r="A182" s="1">
        <v>41004</v>
      </c>
      <c r="B182">
        <v>1.8</v>
      </c>
      <c r="C182">
        <f t="shared" si="2"/>
        <v>348.6</v>
      </c>
      <c r="D182" s="1"/>
      <c r="G182" s="1"/>
      <c r="J182" s="1"/>
    </row>
    <row r="183" spans="1:10" x14ac:dyDescent="0.25">
      <c r="A183" s="1">
        <v>41005</v>
      </c>
      <c r="B183">
        <v>4.7</v>
      </c>
      <c r="C183">
        <f t="shared" si="2"/>
        <v>353.3</v>
      </c>
      <c r="D183" s="1"/>
      <c r="G183" s="1"/>
      <c r="J183" s="1"/>
    </row>
    <row r="184" spans="1:10" x14ac:dyDescent="0.25">
      <c r="A184" s="1">
        <v>41006</v>
      </c>
      <c r="B184">
        <v>0</v>
      </c>
      <c r="C184">
        <f t="shared" si="2"/>
        <v>353.3</v>
      </c>
      <c r="D184" s="1"/>
      <c r="G184" s="1"/>
      <c r="J184" s="1"/>
    </row>
    <row r="185" spans="1:10" x14ac:dyDescent="0.25">
      <c r="A185" s="1">
        <v>41007</v>
      </c>
      <c r="B185">
        <v>0</v>
      </c>
      <c r="C185">
        <f t="shared" si="2"/>
        <v>353.3</v>
      </c>
      <c r="D185" s="1"/>
      <c r="G185" s="1"/>
      <c r="J185" s="1"/>
    </row>
    <row r="186" spans="1:10" x14ac:dyDescent="0.25">
      <c r="A186" s="1">
        <v>41008</v>
      </c>
      <c r="B186">
        <v>0</v>
      </c>
      <c r="C186">
        <f t="shared" si="2"/>
        <v>353.3</v>
      </c>
      <c r="D186" s="1"/>
      <c r="G186" s="1"/>
      <c r="J186" s="1"/>
    </row>
    <row r="187" spans="1:10" x14ac:dyDescent="0.25">
      <c r="A187" s="1">
        <v>41009</v>
      </c>
      <c r="B187">
        <v>44.7</v>
      </c>
      <c r="C187">
        <f t="shared" si="2"/>
        <v>398</v>
      </c>
      <c r="D187" s="1"/>
      <c r="G187" s="1"/>
      <c r="J187" s="1"/>
    </row>
    <row r="188" spans="1:10" x14ac:dyDescent="0.25">
      <c r="A188" s="1">
        <v>41010</v>
      </c>
      <c r="B188">
        <v>0</v>
      </c>
      <c r="C188">
        <f t="shared" si="2"/>
        <v>398</v>
      </c>
      <c r="D188" s="1"/>
      <c r="G188" s="1"/>
      <c r="J188" s="1"/>
    </row>
    <row r="189" spans="1:10" x14ac:dyDescent="0.25">
      <c r="A189" s="1">
        <v>41011</v>
      </c>
      <c r="B189">
        <v>9.1999999999999993</v>
      </c>
      <c r="C189">
        <f t="shared" si="2"/>
        <v>407.2</v>
      </c>
      <c r="D189" s="1"/>
      <c r="G189" s="1"/>
      <c r="J189" s="1"/>
    </row>
    <row r="190" spans="1:10" x14ac:dyDescent="0.25">
      <c r="A190" s="1">
        <v>41012</v>
      </c>
      <c r="B190">
        <v>0</v>
      </c>
      <c r="C190">
        <f t="shared" si="2"/>
        <v>407.2</v>
      </c>
      <c r="D190" s="1"/>
      <c r="G190" s="1"/>
      <c r="J190" s="1"/>
    </row>
    <row r="191" spans="1:10" x14ac:dyDescent="0.25">
      <c r="A191" s="1">
        <v>41013</v>
      </c>
      <c r="B191">
        <v>0</v>
      </c>
      <c r="C191">
        <f t="shared" si="2"/>
        <v>407.2</v>
      </c>
      <c r="D191" s="1"/>
      <c r="G191" s="1"/>
      <c r="J191" s="1"/>
    </row>
    <row r="192" spans="1:10" x14ac:dyDescent="0.25">
      <c r="A192" s="1">
        <v>41014</v>
      </c>
      <c r="B192">
        <v>0</v>
      </c>
      <c r="C192">
        <f t="shared" si="2"/>
        <v>407.2</v>
      </c>
      <c r="D192" s="1"/>
      <c r="G192" s="1"/>
      <c r="J192" s="1"/>
    </row>
    <row r="193" spans="1:10" x14ac:dyDescent="0.25">
      <c r="A193" s="1">
        <v>41015</v>
      </c>
      <c r="B193">
        <v>11.4</v>
      </c>
      <c r="C193">
        <f t="shared" si="2"/>
        <v>418.59999999999997</v>
      </c>
      <c r="D193" s="1"/>
      <c r="G193" s="1"/>
      <c r="J193" s="1"/>
    </row>
    <row r="194" spans="1:10" x14ac:dyDescent="0.25">
      <c r="A194" s="1">
        <v>41016</v>
      </c>
      <c r="B194">
        <v>0.4</v>
      </c>
      <c r="C194">
        <f t="shared" si="2"/>
        <v>418.99999999999994</v>
      </c>
      <c r="D194" s="1"/>
      <c r="G194" s="1"/>
      <c r="J194" s="1"/>
    </row>
    <row r="195" spans="1:10" x14ac:dyDescent="0.25">
      <c r="A195" s="1">
        <v>41017</v>
      </c>
      <c r="B195">
        <v>0</v>
      </c>
      <c r="C195">
        <f t="shared" si="2"/>
        <v>418.99999999999994</v>
      </c>
      <c r="D195" s="1"/>
      <c r="G195" s="1"/>
      <c r="J195" s="1"/>
    </row>
    <row r="196" spans="1:10" x14ac:dyDescent="0.25">
      <c r="A196" s="1">
        <v>41018</v>
      </c>
      <c r="B196">
        <v>1.4</v>
      </c>
      <c r="C196">
        <f t="shared" si="2"/>
        <v>420.39999999999992</v>
      </c>
      <c r="D196" s="1"/>
      <c r="G196" s="1"/>
      <c r="J196" s="1"/>
    </row>
    <row r="197" spans="1:10" x14ac:dyDescent="0.25">
      <c r="A197" s="1">
        <v>41019</v>
      </c>
      <c r="B197">
        <v>1.7</v>
      </c>
      <c r="C197">
        <f t="shared" ref="C197:C260" si="3">B197+C196</f>
        <v>422.09999999999991</v>
      </c>
      <c r="D197" s="1"/>
      <c r="G197" s="1"/>
      <c r="J197" s="1"/>
    </row>
    <row r="198" spans="1:10" x14ac:dyDescent="0.25">
      <c r="A198" s="1">
        <v>41020</v>
      </c>
      <c r="B198">
        <v>0</v>
      </c>
      <c r="C198">
        <f t="shared" si="3"/>
        <v>422.09999999999991</v>
      </c>
      <c r="D198" s="1"/>
      <c r="G198" s="1"/>
      <c r="J198" s="1"/>
    </row>
    <row r="199" spans="1:10" x14ac:dyDescent="0.25">
      <c r="A199" s="1">
        <v>41021</v>
      </c>
      <c r="B199">
        <v>0</v>
      </c>
      <c r="C199">
        <f t="shared" si="3"/>
        <v>422.09999999999991</v>
      </c>
      <c r="D199" s="1"/>
      <c r="G199" s="1"/>
      <c r="J199" s="1"/>
    </row>
    <row r="200" spans="1:10" x14ac:dyDescent="0.25">
      <c r="A200" s="1">
        <v>41022</v>
      </c>
      <c r="B200">
        <v>15.8</v>
      </c>
      <c r="C200">
        <f t="shared" si="3"/>
        <v>437.89999999999992</v>
      </c>
      <c r="D200" s="1"/>
      <c r="G200" s="1"/>
      <c r="J200" s="1"/>
    </row>
    <row r="201" spans="1:10" x14ac:dyDescent="0.25">
      <c r="A201" s="1">
        <v>41023</v>
      </c>
      <c r="B201">
        <v>1.9</v>
      </c>
      <c r="C201">
        <f t="shared" si="3"/>
        <v>439.7999999999999</v>
      </c>
      <c r="D201" s="1"/>
      <c r="G201" s="1"/>
      <c r="J201" s="1"/>
    </row>
    <row r="202" spans="1:10" x14ac:dyDescent="0.25">
      <c r="A202" s="1">
        <v>41024</v>
      </c>
      <c r="B202">
        <v>10.6</v>
      </c>
      <c r="C202">
        <f t="shared" si="3"/>
        <v>450.39999999999992</v>
      </c>
      <c r="D202" s="1"/>
      <c r="G202" s="1"/>
      <c r="J202" s="1"/>
    </row>
    <row r="203" spans="1:10" x14ac:dyDescent="0.25">
      <c r="A203" s="1">
        <v>41025</v>
      </c>
      <c r="B203">
        <v>0.9</v>
      </c>
      <c r="C203">
        <f t="shared" si="3"/>
        <v>451.2999999999999</v>
      </c>
      <c r="D203" s="1"/>
      <c r="G203" s="1"/>
      <c r="J203" s="1"/>
    </row>
    <row r="204" spans="1:10" x14ac:dyDescent="0.25">
      <c r="A204" s="1">
        <v>41026</v>
      </c>
      <c r="B204">
        <v>0</v>
      </c>
      <c r="C204">
        <f t="shared" si="3"/>
        <v>451.2999999999999</v>
      </c>
      <c r="D204" s="1"/>
      <c r="G204" s="1"/>
      <c r="J204" s="1"/>
    </row>
    <row r="205" spans="1:10" x14ac:dyDescent="0.25">
      <c r="A205" s="1">
        <v>41027</v>
      </c>
      <c r="B205">
        <v>0</v>
      </c>
      <c r="C205">
        <f t="shared" si="3"/>
        <v>451.2999999999999</v>
      </c>
      <c r="D205" s="1"/>
      <c r="G205" s="1"/>
      <c r="J205" s="1"/>
    </row>
    <row r="206" spans="1:10" x14ac:dyDescent="0.25">
      <c r="A206" s="1">
        <v>41028</v>
      </c>
      <c r="B206">
        <v>0</v>
      </c>
      <c r="C206">
        <f t="shared" si="3"/>
        <v>451.2999999999999</v>
      </c>
      <c r="D206" s="1"/>
      <c r="G206" s="1"/>
      <c r="J206" s="1"/>
    </row>
    <row r="207" spans="1:10" x14ac:dyDescent="0.25">
      <c r="A207" s="1">
        <v>41029</v>
      </c>
      <c r="B207">
        <v>0</v>
      </c>
      <c r="C207">
        <f t="shared" si="3"/>
        <v>451.2999999999999</v>
      </c>
      <c r="D207" s="1"/>
      <c r="G207" s="1"/>
      <c r="J207" s="1"/>
    </row>
    <row r="208" spans="1:10" x14ac:dyDescent="0.25">
      <c r="A208" s="1">
        <v>41030</v>
      </c>
      <c r="B208">
        <v>0</v>
      </c>
      <c r="C208">
        <f t="shared" si="3"/>
        <v>451.2999999999999</v>
      </c>
      <c r="D208" s="1"/>
      <c r="G208" s="1"/>
      <c r="J208" s="1"/>
    </row>
    <row r="209" spans="1:10" x14ac:dyDescent="0.25">
      <c r="A209" s="1">
        <v>41031</v>
      </c>
      <c r="B209">
        <v>0</v>
      </c>
      <c r="C209">
        <f t="shared" si="3"/>
        <v>451.2999999999999</v>
      </c>
      <c r="D209" s="1"/>
      <c r="G209" s="1"/>
      <c r="J209" s="1"/>
    </row>
    <row r="210" spans="1:10" x14ac:dyDescent="0.25">
      <c r="A210" s="1">
        <v>41032</v>
      </c>
      <c r="B210">
        <v>8.9</v>
      </c>
      <c r="C210">
        <f t="shared" si="3"/>
        <v>460.19999999999987</v>
      </c>
      <c r="D210" s="1"/>
      <c r="G210" s="1"/>
      <c r="J210" s="1"/>
    </row>
    <row r="211" spans="1:10" x14ac:dyDescent="0.25">
      <c r="A211" s="1">
        <v>41033</v>
      </c>
      <c r="B211">
        <v>0</v>
      </c>
      <c r="C211">
        <f t="shared" si="3"/>
        <v>460.19999999999987</v>
      </c>
      <c r="D211" s="1"/>
      <c r="G211" s="1"/>
      <c r="J211" s="1"/>
    </row>
    <row r="212" spans="1:10" x14ac:dyDescent="0.25">
      <c r="A212" s="1">
        <v>41034</v>
      </c>
      <c r="B212">
        <v>0</v>
      </c>
      <c r="C212">
        <f t="shared" si="3"/>
        <v>460.19999999999987</v>
      </c>
      <c r="D212" s="1"/>
      <c r="G212" s="1"/>
      <c r="J212" s="1"/>
    </row>
    <row r="213" spans="1:10" x14ac:dyDescent="0.25">
      <c r="A213" s="1">
        <v>41035</v>
      </c>
      <c r="B213">
        <v>0</v>
      </c>
      <c r="C213">
        <f t="shared" si="3"/>
        <v>460.19999999999987</v>
      </c>
      <c r="D213" s="1"/>
      <c r="G213" s="1"/>
      <c r="J213" s="1"/>
    </row>
    <row r="214" spans="1:10" x14ac:dyDescent="0.25">
      <c r="A214" s="1">
        <v>41036</v>
      </c>
      <c r="B214">
        <v>24</v>
      </c>
      <c r="C214">
        <f t="shared" si="3"/>
        <v>484.19999999999987</v>
      </c>
      <c r="D214" s="1"/>
      <c r="G214" s="1"/>
      <c r="J214" s="1"/>
    </row>
    <row r="215" spans="1:10" x14ac:dyDescent="0.25">
      <c r="A215" s="1">
        <v>41037</v>
      </c>
      <c r="B215">
        <v>8.3000000000000007</v>
      </c>
      <c r="C215">
        <f t="shared" si="3"/>
        <v>492.49999999999989</v>
      </c>
      <c r="D215" s="1"/>
      <c r="G215" s="1"/>
      <c r="J215" s="1"/>
    </row>
    <row r="216" spans="1:10" x14ac:dyDescent="0.25">
      <c r="A216" s="1">
        <v>41038</v>
      </c>
      <c r="B216">
        <v>0</v>
      </c>
      <c r="C216">
        <f t="shared" si="3"/>
        <v>492.49999999999989</v>
      </c>
      <c r="D216" s="1"/>
      <c r="G216" s="1"/>
      <c r="J216" s="1"/>
    </row>
    <row r="217" spans="1:10" x14ac:dyDescent="0.25">
      <c r="A217" s="1">
        <v>41039</v>
      </c>
      <c r="B217">
        <v>0</v>
      </c>
      <c r="C217">
        <f t="shared" si="3"/>
        <v>492.49999999999989</v>
      </c>
      <c r="D217" s="1"/>
      <c r="G217" s="1"/>
      <c r="J217" s="1"/>
    </row>
    <row r="218" spans="1:10" x14ac:dyDescent="0.25">
      <c r="A218" s="1">
        <v>41040</v>
      </c>
      <c r="B218">
        <v>0</v>
      </c>
      <c r="C218">
        <f t="shared" si="3"/>
        <v>492.49999999999989</v>
      </c>
      <c r="D218" s="1"/>
      <c r="G218" s="1"/>
      <c r="J218" s="1"/>
    </row>
    <row r="219" spans="1:10" x14ac:dyDescent="0.25">
      <c r="A219" s="1">
        <v>41041</v>
      </c>
      <c r="B219">
        <v>0</v>
      </c>
      <c r="C219">
        <f t="shared" si="3"/>
        <v>492.49999999999989</v>
      </c>
      <c r="D219" s="1"/>
      <c r="G219" s="1"/>
      <c r="J219" s="1"/>
    </row>
    <row r="220" spans="1:10" x14ac:dyDescent="0.25">
      <c r="A220" s="1">
        <v>41042</v>
      </c>
      <c r="B220">
        <v>0</v>
      </c>
      <c r="C220">
        <f t="shared" si="3"/>
        <v>492.49999999999989</v>
      </c>
      <c r="D220" s="1"/>
      <c r="G220" s="1"/>
      <c r="J220" s="1"/>
    </row>
    <row r="221" spans="1:10" x14ac:dyDescent="0.25">
      <c r="A221" s="1">
        <v>41043</v>
      </c>
      <c r="B221">
        <v>46</v>
      </c>
      <c r="C221">
        <f t="shared" si="3"/>
        <v>538.49999999999989</v>
      </c>
      <c r="D221" s="1"/>
      <c r="G221" s="1"/>
      <c r="J221" s="1"/>
    </row>
    <row r="222" spans="1:10" x14ac:dyDescent="0.25">
      <c r="A222" s="1">
        <v>41044</v>
      </c>
      <c r="B222">
        <v>0</v>
      </c>
      <c r="C222">
        <f t="shared" si="3"/>
        <v>538.49999999999989</v>
      </c>
      <c r="D222" s="1"/>
      <c r="G222" s="1"/>
      <c r="J222" s="1"/>
    </row>
    <row r="223" spans="1:10" x14ac:dyDescent="0.25">
      <c r="A223" s="1">
        <v>41045</v>
      </c>
      <c r="B223">
        <v>10.6</v>
      </c>
      <c r="C223">
        <f t="shared" si="3"/>
        <v>549.09999999999991</v>
      </c>
      <c r="D223" s="1"/>
      <c r="G223" s="1"/>
      <c r="J223" s="1"/>
    </row>
    <row r="224" spans="1:10" x14ac:dyDescent="0.25">
      <c r="A224" s="1">
        <v>41046</v>
      </c>
      <c r="B224">
        <v>2.7</v>
      </c>
      <c r="C224">
        <f t="shared" si="3"/>
        <v>551.79999999999995</v>
      </c>
      <c r="D224" s="1"/>
      <c r="G224" s="1"/>
      <c r="J224" s="1"/>
    </row>
    <row r="225" spans="1:10" x14ac:dyDescent="0.25">
      <c r="A225" s="1">
        <v>41047</v>
      </c>
      <c r="B225">
        <v>0</v>
      </c>
      <c r="C225">
        <f t="shared" si="3"/>
        <v>551.79999999999995</v>
      </c>
      <c r="D225" s="1"/>
      <c r="G225" s="1"/>
      <c r="J225" s="1"/>
    </row>
    <row r="226" spans="1:10" x14ac:dyDescent="0.25">
      <c r="A226" s="1">
        <v>41048</v>
      </c>
      <c r="B226">
        <v>0</v>
      </c>
      <c r="C226">
        <f t="shared" si="3"/>
        <v>551.79999999999995</v>
      </c>
      <c r="D226" s="1"/>
      <c r="G226" s="1"/>
      <c r="J226" s="1"/>
    </row>
    <row r="227" spans="1:10" x14ac:dyDescent="0.25">
      <c r="A227" s="1">
        <v>41049</v>
      </c>
      <c r="B227">
        <v>0</v>
      </c>
      <c r="C227">
        <f t="shared" si="3"/>
        <v>551.79999999999995</v>
      </c>
      <c r="D227" s="1"/>
      <c r="G227" s="1"/>
      <c r="J227" s="1"/>
    </row>
    <row r="228" spans="1:10" x14ac:dyDescent="0.25">
      <c r="A228" s="1">
        <v>41050</v>
      </c>
      <c r="B228">
        <v>4.4000000000000004</v>
      </c>
      <c r="C228">
        <f t="shared" si="3"/>
        <v>556.19999999999993</v>
      </c>
      <c r="D228" s="1"/>
      <c r="G228" s="1"/>
      <c r="J228" s="1"/>
    </row>
    <row r="229" spans="1:10" x14ac:dyDescent="0.25">
      <c r="A229" s="1">
        <v>41051</v>
      </c>
      <c r="B229">
        <v>16.5</v>
      </c>
      <c r="C229">
        <f t="shared" si="3"/>
        <v>572.69999999999993</v>
      </c>
      <c r="D229" s="1"/>
      <c r="G229" s="1"/>
      <c r="J229" s="1"/>
    </row>
    <row r="230" spans="1:10" x14ac:dyDescent="0.25">
      <c r="A230" s="1">
        <v>41052</v>
      </c>
      <c r="B230">
        <v>4.0999999999999996</v>
      </c>
      <c r="C230">
        <f t="shared" si="3"/>
        <v>576.79999999999995</v>
      </c>
      <c r="D230" s="1"/>
      <c r="G230" s="1"/>
      <c r="J230" s="1"/>
    </row>
    <row r="231" spans="1:10" x14ac:dyDescent="0.25">
      <c r="A231" s="1">
        <v>41053</v>
      </c>
      <c r="B231">
        <v>3.8</v>
      </c>
      <c r="C231">
        <f t="shared" si="3"/>
        <v>580.59999999999991</v>
      </c>
      <c r="D231" s="1"/>
      <c r="G231" s="1"/>
      <c r="J231" s="1"/>
    </row>
    <row r="232" spans="1:10" x14ac:dyDescent="0.25">
      <c r="A232" s="1">
        <v>41054</v>
      </c>
      <c r="B232">
        <v>2.1</v>
      </c>
      <c r="C232">
        <f t="shared" si="3"/>
        <v>582.69999999999993</v>
      </c>
      <c r="D232" s="1"/>
      <c r="G232" s="1"/>
      <c r="J232" s="1"/>
    </row>
    <row r="233" spans="1:10" x14ac:dyDescent="0.25">
      <c r="A233" s="1">
        <v>41055</v>
      </c>
      <c r="B233">
        <v>0</v>
      </c>
      <c r="C233">
        <f t="shared" si="3"/>
        <v>582.69999999999993</v>
      </c>
      <c r="D233" s="1"/>
      <c r="G233" s="1"/>
      <c r="J233" s="1"/>
    </row>
    <row r="234" spans="1:10" x14ac:dyDescent="0.25">
      <c r="A234" s="1">
        <v>41056</v>
      </c>
      <c r="B234">
        <v>0</v>
      </c>
      <c r="C234">
        <f t="shared" si="3"/>
        <v>582.69999999999993</v>
      </c>
      <c r="D234" s="1"/>
      <c r="G234" s="1"/>
      <c r="J234" s="1"/>
    </row>
    <row r="235" spans="1:10" x14ac:dyDescent="0.25">
      <c r="A235" s="1">
        <v>41057</v>
      </c>
      <c r="B235">
        <v>0.4</v>
      </c>
      <c r="C235">
        <f t="shared" si="3"/>
        <v>583.09999999999991</v>
      </c>
      <c r="D235" s="1"/>
      <c r="G235" s="1"/>
      <c r="J235" s="1"/>
    </row>
    <row r="236" spans="1:10" x14ac:dyDescent="0.25">
      <c r="A236" s="1">
        <v>41058</v>
      </c>
      <c r="B236">
        <v>0.6</v>
      </c>
      <c r="C236">
        <f t="shared" si="3"/>
        <v>583.69999999999993</v>
      </c>
      <c r="D236" s="1"/>
      <c r="G236" s="1"/>
      <c r="J236" s="1"/>
    </row>
    <row r="237" spans="1:10" x14ac:dyDescent="0.25">
      <c r="A237" s="1">
        <v>41059</v>
      </c>
      <c r="B237">
        <v>0.2</v>
      </c>
      <c r="C237">
        <f t="shared" si="3"/>
        <v>583.9</v>
      </c>
      <c r="D237" s="1"/>
      <c r="G237" s="1"/>
      <c r="J237" s="1"/>
    </row>
    <row r="238" spans="1:10" x14ac:dyDescent="0.25">
      <c r="A238" s="1">
        <v>41060</v>
      </c>
      <c r="B238">
        <v>0.2</v>
      </c>
      <c r="C238">
        <f t="shared" si="3"/>
        <v>584.1</v>
      </c>
      <c r="D238" s="1"/>
      <c r="G238" s="1"/>
      <c r="J238" s="1"/>
    </row>
    <row r="239" spans="1:10" x14ac:dyDescent="0.25">
      <c r="A239" s="1">
        <v>41061</v>
      </c>
      <c r="B239">
        <v>0.2</v>
      </c>
      <c r="C239">
        <f t="shared" si="3"/>
        <v>584.30000000000007</v>
      </c>
      <c r="D239" s="1"/>
      <c r="G239" s="1"/>
      <c r="J239" s="1"/>
    </row>
    <row r="240" spans="1:10" x14ac:dyDescent="0.25">
      <c r="A240" s="1">
        <v>41062</v>
      </c>
      <c r="B240">
        <v>0</v>
      </c>
      <c r="C240">
        <f t="shared" si="3"/>
        <v>584.30000000000007</v>
      </c>
      <c r="D240" s="1"/>
      <c r="G240" s="1"/>
      <c r="J240" s="1"/>
    </row>
    <row r="241" spans="1:10" x14ac:dyDescent="0.25">
      <c r="A241" s="1">
        <v>41063</v>
      </c>
      <c r="B241">
        <v>0</v>
      </c>
      <c r="C241">
        <f t="shared" si="3"/>
        <v>584.30000000000007</v>
      </c>
      <c r="D241" s="1"/>
      <c r="G241" s="1"/>
      <c r="J241" s="1"/>
    </row>
    <row r="242" spans="1:10" x14ac:dyDescent="0.25">
      <c r="A242" s="1">
        <v>41064</v>
      </c>
      <c r="B242">
        <v>10.5</v>
      </c>
      <c r="C242">
        <f t="shared" si="3"/>
        <v>594.80000000000007</v>
      </c>
      <c r="D242" s="1"/>
      <c r="G242" s="1"/>
      <c r="J242" s="1"/>
    </row>
    <row r="243" spans="1:10" x14ac:dyDescent="0.25">
      <c r="A243" s="1">
        <v>41065</v>
      </c>
      <c r="B243">
        <v>28.3</v>
      </c>
      <c r="C243">
        <f t="shared" si="3"/>
        <v>623.1</v>
      </c>
      <c r="D243" s="1"/>
      <c r="G243" s="1"/>
      <c r="J243" s="1"/>
    </row>
    <row r="244" spans="1:10" x14ac:dyDescent="0.25">
      <c r="A244" s="1">
        <v>41066</v>
      </c>
      <c r="B244">
        <v>0.9</v>
      </c>
      <c r="C244">
        <f t="shared" si="3"/>
        <v>624</v>
      </c>
      <c r="D244" s="1"/>
      <c r="G244" s="1"/>
      <c r="J244" s="1"/>
    </row>
    <row r="245" spans="1:10" x14ac:dyDescent="0.25">
      <c r="A245" s="1">
        <v>41067</v>
      </c>
      <c r="B245">
        <v>0</v>
      </c>
      <c r="C245">
        <f t="shared" si="3"/>
        <v>624</v>
      </c>
      <c r="D245" s="1"/>
      <c r="G245" s="1"/>
      <c r="J245" s="1"/>
    </row>
    <row r="246" spans="1:10" x14ac:dyDescent="0.25">
      <c r="A246" s="1">
        <v>41068</v>
      </c>
      <c r="B246">
        <v>0</v>
      </c>
      <c r="C246">
        <f t="shared" si="3"/>
        <v>624</v>
      </c>
      <c r="D246" s="1"/>
      <c r="G246" s="1"/>
      <c r="J246" s="1"/>
    </row>
    <row r="247" spans="1:10" x14ac:dyDescent="0.25">
      <c r="A247" s="1">
        <v>41069</v>
      </c>
      <c r="B247">
        <v>0</v>
      </c>
      <c r="C247">
        <f t="shared" si="3"/>
        <v>624</v>
      </c>
      <c r="D247" s="1"/>
      <c r="G247" s="1"/>
      <c r="J247" s="1"/>
    </row>
    <row r="248" spans="1:10" x14ac:dyDescent="0.25">
      <c r="A248" s="1">
        <v>41070</v>
      </c>
      <c r="B248">
        <v>0</v>
      </c>
      <c r="C248">
        <f t="shared" si="3"/>
        <v>624</v>
      </c>
      <c r="D248" s="1"/>
      <c r="G248" s="1"/>
      <c r="J248" s="1"/>
    </row>
    <row r="249" spans="1:10" x14ac:dyDescent="0.25">
      <c r="A249" s="1">
        <v>41071</v>
      </c>
      <c r="B249">
        <v>21.1</v>
      </c>
      <c r="C249">
        <f t="shared" si="3"/>
        <v>645.1</v>
      </c>
      <c r="D249" s="1"/>
      <c r="G249" s="1"/>
      <c r="J249" s="1"/>
    </row>
    <row r="250" spans="1:10" x14ac:dyDescent="0.25">
      <c r="A250" s="1">
        <v>41072</v>
      </c>
      <c r="B250">
        <v>12.2</v>
      </c>
      <c r="C250">
        <f t="shared" si="3"/>
        <v>657.30000000000007</v>
      </c>
      <c r="D250" s="1"/>
      <c r="G250" s="1"/>
      <c r="J250" s="1"/>
    </row>
    <row r="251" spans="1:10" x14ac:dyDescent="0.25">
      <c r="A251" s="1">
        <v>41073</v>
      </c>
      <c r="B251">
        <v>35.5</v>
      </c>
      <c r="C251">
        <f t="shared" si="3"/>
        <v>692.80000000000007</v>
      </c>
      <c r="D251" s="1"/>
      <c r="G251" s="1"/>
      <c r="J251" s="1"/>
    </row>
    <row r="252" spans="1:10" x14ac:dyDescent="0.25">
      <c r="A252" s="1">
        <v>41074</v>
      </c>
      <c r="B252">
        <v>22.1</v>
      </c>
      <c r="C252">
        <f t="shared" si="3"/>
        <v>714.90000000000009</v>
      </c>
      <c r="D252" s="1"/>
      <c r="G252" s="1"/>
      <c r="J252" s="1"/>
    </row>
    <row r="253" spans="1:10" x14ac:dyDescent="0.25">
      <c r="A253" s="1">
        <v>41075</v>
      </c>
      <c r="B253">
        <v>0</v>
      </c>
      <c r="C253">
        <f t="shared" si="3"/>
        <v>714.90000000000009</v>
      </c>
      <c r="D253" s="1"/>
      <c r="G253" s="1"/>
      <c r="J253" s="1"/>
    </row>
    <row r="254" spans="1:10" x14ac:dyDescent="0.25">
      <c r="A254" s="1">
        <v>41076</v>
      </c>
      <c r="B254">
        <v>0</v>
      </c>
      <c r="C254">
        <f t="shared" si="3"/>
        <v>714.90000000000009</v>
      </c>
      <c r="D254" s="1"/>
      <c r="G254" s="1"/>
      <c r="J254" s="1"/>
    </row>
    <row r="255" spans="1:10" x14ac:dyDescent="0.25">
      <c r="A255" s="1">
        <v>41077</v>
      </c>
      <c r="B255">
        <v>0</v>
      </c>
      <c r="C255">
        <f t="shared" si="3"/>
        <v>714.90000000000009</v>
      </c>
      <c r="D255" s="1"/>
      <c r="G255" s="1"/>
      <c r="J255" s="1"/>
    </row>
    <row r="256" spans="1:10" x14ac:dyDescent="0.25">
      <c r="A256" s="1">
        <v>41078</v>
      </c>
      <c r="B256">
        <v>0</v>
      </c>
      <c r="C256">
        <f t="shared" si="3"/>
        <v>714.90000000000009</v>
      </c>
      <c r="D256" s="1"/>
      <c r="G256" s="1"/>
      <c r="J256" s="1"/>
    </row>
    <row r="257" spans="1:10" x14ac:dyDescent="0.25">
      <c r="A257" s="1">
        <v>41079</v>
      </c>
      <c r="B257">
        <v>0</v>
      </c>
      <c r="C257">
        <f t="shared" si="3"/>
        <v>714.90000000000009</v>
      </c>
      <c r="D257" s="1"/>
      <c r="G257" s="1"/>
      <c r="J257" s="1"/>
    </row>
    <row r="258" spans="1:10" x14ac:dyDescent="0.25">
      <c r="A258" s="1">
        <v>41080</v>
      </c>
      <c r="B258">
        <v>0</v>
      </c>
      <c r="C258">
        <f t="shared" si="3"/>
        <v>714.90000000000009</v>
      </c>
      <c r="D258" s="1"/>
      <c r="G258" s="1"/>
      <c r="J258" s="1"/>
    </row>
    <row r="259" spans="1:10" x14ac:dyDescent="0.25">
      <c r="A259" s="1">
        <v>41081</v>
      </c>
      <c r="B259">
        <v>0</v>
      </c>
      <c r="C259">
        <f t="shared" si="3"/>
        <v>714.90000000000009</v>
      </c>
      <c r="D259" s="1"/>
      <c r="G259" s="1"/>
      <c r="J259" s="1"/>
    </row>
    <row r="260" spans="1:10" x14ac:dyDescent="0.25">
      <c r="A260" s="1">
        <v>41082</v>
      </c>
      <c r="B260">
        <v>0.2</v>
      </c>
      <c r="C260">
        <f t="shared" si="3"/>
        <v>715.10000000000014</v>
      </c>
      <c r="D260" s="1"/>
      <c r="G260" s="1"/>
      <c r="J260" s="1"/>
    </row>
    <row r="261" spans="1:10" x14ac:dyDescent="0.25">
      <c r="A261" s="1">
        <v>41083</v>
      </c>
      <c r="B261">
        <v>0</v>
      </c>
      <c r="C261">
        <f t="shared" ref="C261:C324" si="4">B261+C260</f>
        <v>715.10000000000014</v>
      </c>
      <c r="D261" s="1"/>
      <c r="G261" s="1"/>
      <c r="J261" s="1"/>
    </row>
    <row r="262" spans="1:10" x14ac:dyDescent="0.25">
      <c r="A262" s="1">
        <v>41084</v>
      </c>
      <c r="B262">
        <v>0</v>
      </c>
      <c r="C262">
        <f t="shared" si="4"/>
        <v>715.10000000000014</v>
      </c>
      <c r="D262" s="1"/>
      <c r="G262" s="1"/>
      <c r="J262" s="1"/>
    </row>
    <row r="263" spans="1:10" x14ac:dyDescent="0.25">
      <c r="A263" s="1">
        <v>41085</v>
      </c>
      <c r="B263">
        <v>7.6</v>
      </c>
      <c r="C263">
        <f t="shared" si="4"/>
        <v>722.70000000000016</v>
      </c>
      <c r="D263" s="1"/>
      <c r="G263" s="1"/>
      <c r="J263" s="1"/>
    </row>
    <row r="264" spans="1:10" x14ac:dyDescent="0.25">
      <c r="A264" s="1">
        <v>41086</v>
      </c>
      <c r="B264">
        <v>0</v>
      </c>
      <c r="C264">
        <f t="shared" si="4"/>
        <v>722.70000000000016</v>
      </c>
      <c r="D264" s="1"/>
      <c r="G264" s="1"/>
      <c r="J264" s="1"/>
    </row>
    <row r="265" spans="1:10" x14ac:dyDescent="0.25">
      <c r="A265" s="1">
        <v>41087</v>
      </c>
      <c r="B265">
        <v>0</v>
      </c>
      <c r="C265">
        <f t="shared" si="4"/>
        <v>722.70000000000016</v>
      </c>
      <c r="D265" s="1"/>
      <c r="G265" s="1"/>
      <c r="J265" s="1"/>
    </row>
    <row r="266" spans="1:10" x14ac:dyDescent="0.25">
      <c r="A266" s="1">
        <v>41088</v>
      </c>
      <c r="B266">
        <v>0</v>
      </c>
      <c r="C266">
        <f t="shared" si="4"/>
        <v>722.70000000000016</v>
      </c>
      <c r="D266" s="1"/>
      <c r="G266" s="1"/>
      <c r="J266" s="1"/>
    </row>
    <row r="267" spans="1:10" x14ac:dyDescent="0.25">
      <c r="A267" s="1">
        <v>41089</v>
      </c>
      <c r="B267">
        <v>0</v>
      </c>
      <c r="C267">
        <f t="shared" si="4"/>
        <v>722.70000000000016</v>
      </c>
      <c r="D267" s="1"/>
      <c r="G267" s="1"/>
      <c r="J267" s="1"/>
    </row>
    <row r="268" spans="1:10" x14ac:dyDescent="0.25">
      <c r="A268" s="1">
        <v>41090</v>
      </c>
      <c r="B268">
        <v>0</v>
      </c>
      <c r="C268">
        <f t="shared" si="4"/>
        <v>722.70000000000016</v>
      </c>
      <c r="D268" s="1"/>
      <c r="G268" s="1"/>
      <c r="J268" s="1"/>
    </row>
    <row r="269" spans="1:10" x14ac:dyDescent="0.25">
      <c r="A269" s="1">
        <v>41091</v>
      </c>
      <c r="B269">
        <v>0</v>
      </c>
      <c r="C269">
        <f t="shared" si="4"/>
        <v>722.70000000000016</v>
      </c>
      <c r="D269" s="1"/>
      <c r="G269" s="1"/>
      <c r="J269" s="1"/>
    </row>
    <row r="270" spans="1:10" x14ac:dyDescent="0.25">
      <c r="A270" s="1">
        <v>41092</v>
      </c>
      <c r="B270">
        <v>0</v>
      </c>
      <c r="C270">
        <f t="shared" si="4"/>
        <v>722.70000000000016</v>
      </c>
      <c r="D270" s="1"/>
      <c r="G270" s="1"/>
      <c r="J270" s="1"/>
    </row>
    <row r="271" spans="1:10" x14ac:dyDescent="0.25">
      <c r="A271" s="1">
        <v>41093</v>
      </c>
      <c r="B271">
        <v>0</v>
      </c>
      <c r="C271">
        <f t="shared" si="4"/>
        <v>722.70000000000016</v>
      </c>
      <c r="D271" s="1"/>
      <c r="G271" s="1"/>
      <c r="J271" s="1"/>
    </row>
    <row r="272" spans="1:10" x14ac:dyDescent="0.25">
      <c r="A272" s="1">
        <v>41094</v>
      </c>
      <c r="B272">
        <v>0</v>
      </c>
      <c r="C272">
        <f t="shared" si="4"/>
        <v>722.70000000000016</v>
      </c>
      <c r="D272" s="1"/>
      <c r="G272" s="1"/>
      <c r="J272" s="1"/>
    </row>
    <row r="273" spans="1:10" x14ac:dyDescent="0.25">
      <c r="A273" s="1">
        <v>41095</v>
      </c>
      <c r="B273">
        <v>0</v>
      </c>
      <c r="C273">
        <f t="shared" si="4"/>
        <v>722.70000000000016</v>
      </c>
      <c r="D273" s="1"/>
      <c r="G273" s="1"/>
      <c r="J273" s="1"/>
    </row>
    <row r="274" spans="1:10" x14ac:dyDescent="0.25">
      <c r="A274" s="1">
        <v>41096</v>
      </c>
      <c r="B274">
        <v>59</v>
      </c>
      <c r="C274">
        <f t="shared" si="4"/>
        <v>781.70000000000016</v>
      </c>
      <c r="D274" s="1"/>
      <c r="G274" s="1"/>
      <c r="J274" s="1"/>
    </row>
    <row r="275" spans="1:10" x14ac:dyDescent="0.25">
      <c r="A275" s="1">
        <v>41097</v>
      </c>
      <c r="B275">
        <v>0</v>
      </c>
      <c r="C275">
        <f t="shared" si="4"/>
        <v>781.70000000000016</v>
      </c>
      <c r="D275" s="1"/>
      <c r="G275" s="1"/>
      <c r="J275" s="1"/>
    </row>
    <row r="276" spans="1:10" x14ac:dyDescent="0.25">
      <c r="A276" s="1">
        <v>41098</v>
      </c>
      <c r="B276">
        <v>0</v>
      </c>
      <c r="C276">
        <f t="shared" si="4"/>
        <v>781.70000000000016</v>
      </c>
      <c r="D276" s="1"/>
      <c r="G276" s="1"/>
      <c r="J276" s="1"/>
    </row>
    <row r="277" spans="1:10" x14ac:dyDescent="0.25">
      <c r="A277" s="1">
        <v>41099</v>
      </c>
      <c r="B277">
        <v>12.1</v>
      </c>
      <c r="C277">
        <f t="shared" si="4"/>
        <v>793.80000000000018</v>
      </c>
      <c r="D277" s="1"/>
      <c r="G277" s="1"/>
      <c r="J277" s="1"/>
    </row>
    <row r="278" spans="1:10" x14ac:dyDescent="0.25">
      <c r="A278" s="1">
        <v>41100</v>
      </c>
      <c r="B278">
        <v>12.7</v>
      </c>
      <c r="C278">
        <f t="shared" si="4"/>
        <v>806.50000000000023</v>
      </c>
      <c r="D278" s="1"/>
      <c r="G278" s="1"/>
      <c r="J278" s="1"/>
    </row>
    <row r="279" spans="1:10" x14ac:dyDescent="0.25">
      <c r="A279" s="1">
        <v>41101</v>
      </c>
      <c r="B279">
        <v>4.7</v>
      </c>
      <c r="C279">
        <f t="shared" si="4"/>
        <v>811.20000000000027</v>
      </c>
      <c r="D279" s="1"/>
      <c r="G279" s="1"/>
      <c r="J279" s="1"/>
    </row>
    <row r="280" spans="1:10" x14ac:dyDescent="0.25">
      <c r="A280" s="1">
        <v>41102</v>
      </c>
      <c r="B280">
        <v>42.3</v>
      </c>
      <c r="C280">
        <f t="shared" si="4"/>
        <v>853.50000000000023</v>
      </c>
      <c r="D280" s="1"/>
      <c r="G280" s="1"/>
      <c r="J280" s="1"/>
    </row>
    <row r="281" spans="1:10" x14ac:dyDescent="0.25">
      <c r="A281" s="1">
        <v>41103</v>
      </c>
      <c r="B281">
        <v>0.1</v>
      </c>
      <c r="C281">
        <f t="shared" si="4"/>
        <v>853.60000000000025</v>
      </c>
      <c r="D281" s="1"/>
      <c r="G281" s="1"/>
      <c r="J281" s="1"/>
    </row>
    <row r="282" spans="1:10" x14ac:dyDescent="0.25">
      <c r="A282" s="1">
        <v>41104</v>
      </c>
      <c r="B282">
        <v>0</v>
      </c>
      <c r="C282">
        <f t="shared" si="4"/>
        <v>853.60000000000025</v>
      </c>
      <c r="D282" s="1"/>
      <c r="G282" s="1"/>
      <c r="J282" s="1"/>
    </row>
    <row r="283" spans="1:10" x14ac:dyDescent="0.25">
      <c r="A283" s="1">
        <v>41105</v>
      </c>
      <c r="B283">
        <v>0</v>
      </c>
      <c r="C283">
        <f t="shared" si="4"/>
        <v>853.60000000000025</v>
      </c>
      <c r="D283" s="1"/>
      <c r="G283" s="1"/>
      <c r="J283" s="1"/>
    </row>
    <row r="284" spans="1:10" x14ac:dyDescent="0.25">
      <c r="A284" s="1">
        <v>41106</v>
      </c>
      <c r="B284">
        <v>0</v>
      </c>
      <c r="C284">
        <f t="shared" si="4"/>
        <v>853.60000000000025</v>
      </c>
      <c r="D284" s="1"/>
      <c r="G284" s="1"/>
      <c r="J284" s="1"/>
    </row>
    <row r="285" spans="1:10" x14ac:dyDescent="0.25">
      <c r="A285" s="1">
        <v>41107</v>
      </c>
      <c r="B285">
        <v>11.2</v>
      </c>
      <c r="C285">
        <f t="shared" si="4"/>
        <v>864.8000000000003</v>
      </c>
      <c r="D285" s="1"/>
      <c r="G285" s="1"/>
      <c r="J285" s="1"/>
    </row>
    <row r="286" spans="1:10" x14ac:dyDescent="0.25">
      <c r="A286" s="1">
        <v>41108</v>
      </c>
      <c r="B286">
        <v>0</v>
      </c>
      <c r="C286">
        <f t="shared" si="4"/>
        <v>864.8000000000003</v>
      </c>
      <c r="D286" s="1"/>
      <c r="G286" s="1"/>
      <c r="J286" s="1"/>
    </row>
    <row r="287" spans="1:10" x14ac:dyDescent="0.25">
      <c r="A287" s="1">
        <v>41109</v>
      </c>
      <c r="B287">
        <v>0</v>
      </c>
      <c r="C287">
        <f t="shared" si="4"/>
        <v>864.8000000000003</v>
      </c>
      <c r="D287" s="1"/>
      <c r="G287" s="1"/>
      <c r="J287" s="1"/>
    </row>
    <row r="288" spans="1:10" x14ac:dyDescent="0.25">
      <c r="A288" s="1">
        <v>41110</v>
      </c>
      <c r="B288">
        <v>0</v>
      </c>
      <c r="C288">
        <f t="shared" si="4"/>
        <v>864.8000000000003</v>
      </c>
      <c r="D288" s="1"/>
      <c r="G288" s="1"/>
      <c r="J288" s="1"/>
    </row>
    <row r="289" spans="1:10" x14ac:dyDescent="0.25">
      <c r="A289" s="1">
        <v>41111</v>
      </c>
      <c r="B289">
        <v>0</v>
      </c>
      <c r="C289">
        <f t="shared" si="4"/>
        <v>864.8000000000003</v>
      </c>
      <c r="D289" s="1"/>
      <c r="G289" s="1"/>
      <c r="J289" s="1"/>
    </row>
    <row r="290" spans="1:10" x14ac:dyDescent="0.25">
      <c r="A290" s="1">
        <v>41112</v>
      </c>
      <c r="B290">
        <v>0</v>
      </c>
      <c r="C290">
        <f t="shared" si="4"/>
        <v>864.8000000000003</v>
      </c>
      <c r="D290" s="1"/>
      <c r="G290" s="1"/>
      <c r="J290" s="1"/>
    </row>
    <row r="291" spans="1:10" x14ac:dyDescent="0.25">
      <c r="A291" s="1">
        <v>41113</v>
      </c>
      <c r="B291">
        <v>13.3</v>
      </c>
      <c r="C291">
        <f t="shared" si="4"/>
        <v>878.10000000000025</v>
      </c>
      <c r="D291" s="1"/>
      <c r="G291" s="1"/>
      <c r="J291" s="1"/>
    </row>
    <row r="292" spans="1:10" x14ac:dyDescent="0.25">
      <c r="A292" s="1">
        <v>41114</v>
      </c>
      <c r="B292">
        <v>0</v>
      </c>
      <c r="C292">
        <f t="shared" si="4"/>
        <v>878.10000000000025</v>
      </c>
      <c r="D292" s="1"/>
      <c r="G292" s="1"/>
      <c r="J292" s="1"/>
    </row>
    <row r="293" spans="1:10" x14ac:dyDescent="0.25">
      <c r="A293" s="1">
        <v>41115</v>
      </c>
      <c r="B293">
        <v>7.5</v>
      </c>
      <c r="C293">
        <f t="shared" si="4"/>
        <v>885.60000000000025</v>
      </c>
      <c r="D293" s="1"/>
      <c r="G293" s="1"/>
      <c r="J293" s="1"/>
    </row>
    <row r="294" spans="1:10" x14ac:dyDescent="0.25">
      <c r="A294" s="1">
        <v>41116</v>
      </c>
      <c r="B294">
        <v>0.2</v>
      </c>
      <c r="C294">
        <f t="shared" si="4"/>
        <v>885.8000000000003</v>
      </c>
      <c r="D294" s="1"/>
      <c r="G294" s="1"/>
      <c r="J294" s="1"/>
    </row>
    <row r="295" spans="1:10" x14ac:dyDescent="0.25">
      <c r="A295" s="1">
        <v>41117</v>
      </c>
      <c r="B295">
        <v>0</v>
      </c>
      <c r="C295">
        <f t="shared" si="4"/>
        <v>885.8000000000003</v>
      </c>
      <c r="D295" s="1"/>
      <c r="G295" s="1"/>
      <c r="J295" s="1"/>
    </row>
    <row r="296" spans="1:10" x14ac:dyDescent="0.25">
      <c r="A296" s="1">
        <v>41118</v>
      </c>
      <c r="B296">
        <v>0</v>
      </c>
      <c r="C296">
        <f t="shared" si="4"/>
        <v>885.8000000000003</v>
      </c>
      <c r="D296" s="1"/>
      <c r="G296" s="1"/>
      <c r="J296" s="1"/>
    </row>
    <row r="297" spans="1:10" x14ac:dyDescent="0.25">
      <c r="A297" s="1">
        <v>41119</v>
      </c>
      <c r="B297">
        <v>0</v>
      </c>
      <c r="C297">
        <f t="shared" si="4"/>
        <v>885.8000000000003</v>
      </c>
      <c r="D297" s="1"/>
      <c r="G297" s="1"/>
      <c r="J297" s="1"/>
    </row>
    <row r="298" spans="1:10" x14ac:dyDescent="0.25">
      <c r="A298" s="1">
        <v>41120</v>
      </c>
      <c r="B298">
        <v>0</v>
      </c>
      <c r="C298">
        <f t="shared" si="4"/>
        <v>885.8000000000003</v>
      </c>
      <c r="D298" s="1"/>
      <c r="G298" s="1"/>
      <c r="J298" s="1"/>
    </row>
    <row r="299" spans="1:10" x14ac:dyDescent="0.25">
      <c r="A299" s="1">
        <v>41121</v>
      </c>
      <c r="B299">
        <v>0</v>
      </c>
      <c r="C299">
        <f t="shared" si="4"/>
        <v>885.8000000000003</v>
      </c>
      <c r="D299" s="1"/>
      <c r="G299" s="1"/>
      <c r="J299" s="1"/>
    </row>
    <row r="300" spans="1:10" x14ac:dyDescent="0.25">
      <c r="A300" s="1">
        <v>41122</v>
      </c>
      <c r="B300">
        <v>0</v>
      </c>
      <c r="C300">
        <f t="shared" si="4"/>
        <v>885.8000000000003</v>
      </c>
      <c r="D300" s="1"/>
      <c r="G300" s="1"/>
      <c r="J300" s="1"/>
    </row>
    <row r="301" spans="1:10" x14ac:dyDescent="0.25">
      <c r="A301" s="1">
        <v>41123</v>
      </c>
      <c r="B301">
        <v>0</v>
      </c>
      <c r="C301">
        <f t="shared" si="4"/>
        <v>885.8000000000003</v>
      </c>
      <c r="D301" s="1"/>
      <c r="G301" s="1"/>
      <c r="J301" s="1"/>
    </row>
    <row r="302" spans="1:10" x14ac:dyDescent="0.25">
      <c r="A302" s="1">
        <v>41124</v>
      </c>
      <c r="B302">
        <v>0</v>
      </c>
      <c r="C302">
        <f t="shared" si="4"/>
        <v>885.8000000000003</v>
      </c>
      <c r="D302" s="1"/>
      <c r="G302" s="1"/>
      <c r="J302" s="1"/>
    </row>
    <row r="303" spans="1:10" x14ac:dyDescent="0.25">
      <c r="A303" s="1">
        <v>41125</v>
      </c>
      <c r="B303">
        <v>0</v>
      </c>
      <c r="C303">
        <f t="shared" si="4"/>
        <v>885.8000000000003</v>
      </c>
      <c r="D303" s="1"/>
      <c r="G303" s="1"/>
      <c r="J303" s="1"/>
    </row>
    <row r="304" spans="1:10" x14ac:dyDescent="0.25">
      <c r="A304" s="1">
        <v>41126</v>
      </c>
      <c r="B304">
        <v>0</v>
      </c>
      <c r="C304">
        <f t="shared" si="4"/>
        <v>885.8000000000003</v>
      </c>
      <c r="D304" s="1"/>
      <c r="G304" s="1"/>
      <c r="J304" s="1"/>
    </row>
    <row r="305" spans="1:10" x14ac:dyDescent="0.25">
      <c r="A305" s="1">
        <v>41127</v>
      </c>
      <c r="B305">
        <v>0</v>
      </c>
      <c r="C305">
        <f t="shared" si="4"/>
        <v>885.8000000000003</v>
      </c>
      <c r="D305" s="1"/>
      <c r="G305" s="1"/>
      <c r="J305" s="1"/>
    </row>
    <row r="306" spans="1:10" x14ac:dyDescent="0.25">
      <c r="A306" s="1">
        <v>41128</v>
      </c>
      <c r="B306">
        <v>0</v>
      </c>
      <c r="C306">
        <f t="shared" si="4"/>
        <v>885.8000000000003</v>
      </c>
      <c r="D306" s="1"/>
      <c r="G306" s="1"/>
      <c r="J306" s="1"/>
    </row>
    <row r="307" spans="1:10" x14ac:dyDescent="0.25">
      <c r="A307" s="1">
        <v>41129</v>
      </c>
      <c r="B307">
        <v>0</v>
      </c>
      <c r="C307">
        <f t="shared" si="4"/>
        <v>885.8000000000003</v>
      </c>
      <c r="D307" s="1"/>
      <c r="G307" s="1"/>
      <c r="J307" s="1"/>
    </row>
    <row r="308" spans="1:10" x14ac:dyDescent="0.25">
      <c r="A308" s="1">
        <v>41130</v>
      </c>
      <c r="B308">
        <v>0</v>
      </c>
      <c r="C308">
        <f t="shared" si="4"/>
        <v>885.8000000000003</v>
      </c>
      <c r="D308" s="1"/>
      <c r="G308" s="1"/>
      <c r="J308" s="1"/>
    </row>
    <row r="309" spans="1:10" x14ac:dyDescent="0.25">
      <c r="A309" s="1">
        <v>41131</v>
      </c>
      <c r="B309">
        <v>0</v>
      </c>
      <c r="C309">
        <f t="shared" si="4"/>
        <v>885.8000000000003</v>
      </c>
      <c r="D309" s="1"/>
      <c r="G309" s="1"/>
      <c r="J309" s="1"/>
    </row>
    <row r="310" spans="1:10" x14ac:dyDescent="0.25">
      <c r="A310" s="1">
        <v>41132</v>
      </c>
      <c r="B310">
        <v>0</v>
      </c>
      <c r="C310">
        <f t="shared" si="4"/>
        <v>885.8000000000003</v>
      </c>
      <c r="D310" s="1"/>
      <c r="G310" s="1"/>
      <c r="J310" s="1"/>
    </row>
    <row r="311" spans="1:10" x14ac:dyDescent="0.25">
      <c r="A311" s="1">
        <v>41133</v>
      </c>
      <c r="B311">
        <v>0</v>
      </c>
      <c r="C311">
        <f t="shared" si="4"/>
        <v>885.8000000000003</v>
      </c>
      <c r="D311" s="1"/>
      <c r="G311" s="1"/>
      <c r="J311" s="1"/>
    </row>
    <row r="312" spans="1:10" x14ac:dyDescent="0.25">
      <c r="A312" s="1">
        <v>41134</v>
      </c>
      <c r="B312">
        <v>1.2</v>
      </c>
      <c r="C312">
        <f t="shared" si="4"/>
        <v>887.00000000000034</v>
      </c>
      <c r="D312" s="1"/>
      <c r="G312" s="1"/>
      <c r="J312" s="1"/>
    </row>
    <row r="313" spans="1:10" x14ac:dyDescent="0.25">
      <c r="A313" s="1">
        <v>41135</v>
      </c>
      <c r="B313">
        <v>0</v>
      </c>
      <c r="C313">
        <f t="shared" si="4"/>
        <v>887.00000000000034</v>
      </c>
      <c r="D313" s="1"/>
      <c r="G313" s="1"/>
      <c r="J313" s="1"/>
    </row>
    <row r="314" spans="1:10" x14ac:dyDescent="0.25">
      <c r="A314" s="1">
        <v>41136</v>
      </c>
      <c r="B314">
        <v>0</v>
      </c>
      <c r="C314">
        <f t="shared" si="4"/>
        <v>887.00000000000034</v>
      </c>
      <c r="D314" s="1"/>
      <c r="G314" s="1"/>
      <c r="J314" s="1"/>
    </row>
    <row r="315" spans="1:10" x14ac:dyDescent="0.25">
      <c r="A315" s="1">
        <v>41137</v>
      </c>
      <c r="B315">
        <v>0</v>
      </c>
      <c r="C315">
        <f t="shared" si="4"/>
        <v>887.00000000000034</v>
      </c>
      <c r="D315" s="1"/>
      <c r="G315" s="1"/>
      <c r="J315" s="1"/>
    </row>
    <row r="316" spans="1:10" x14ac:dyDescent="0.25">
      <c r="A316" s="1">
        <v>41138</v>
      </c>
      <c r="B316">
        <v>20</v>
      </c>
      <c r="C316">
        <f t="shared" si="4"/>
        <v>907.00000000000034</v>
      </c>
      <c r="D316" s="1"/>
      <c r="G316" s="1"/>
      <c r="J316" s="1"/>
    </row>
    <row r="317" spans="1:10" x14ac:dyDescent="0.25">
      <c r="A317" s="1">
        <v>41139</v>
      </c>
      <c r="B317">
        <v>0</v>
      </c>
      <c r="C317">
        <f t="shared" si="4"/>
        <v>907.00000000000034</v>
      </c>
      <c r="D317" s="1"/>
      <c r="G317" s="1"/>
      <c r="J317" s="1"/>
    </row>
    <row r="318" spans="1:10" x14ac:dyDescent="0.25">
      <c r="A318" s="1">
        <v>41140</v>
      </c>
      <c r="B318">
        <v>0</v>
      </c>
      <c r="C318">
        <f t="shared" si="4"/>
        <v>907.00000000000034</v>
      </c>
      <c r="D318" s="1"/>
      <c r="G318" s="1"/>
      <c r="J318" s="1"/>
    </row>
    <row r="319" spans="1:10" x14ac:dyDescent="0.25">
      <c r="A319" s="1">
        <v>41141</v>
      </c>
      <c r="B319">
        <v>0</v>
      </c>
      <c r="C319">
        <f t="shared" si="4"/>
        <v>907.00000000000034</v>
      </c>
      <c r="D319" s="1"/>
      <c r="G319" s="1"/>
      <c r="J319" s="1"/>
    </row>
    <row r="320" spans="1:10" x14ac:dyDescent="0.25">
      <c r="A320" s="1">
        <v>41142</v>
      </c>
      <c r="B320">
        <v>0</v>
      </c>
      <c r="C320">
        <f t="shared" si="4"/>
        <v>907.00000000000034</v>
      </c>
      <c r="D320" s="1"/>
      <c r="G320" s="1"/>
      <c r="J320" s="1"/>
    </row>
    <row r="321" spans="1:10" x14ac:dyDescent="0.25">
      <c r="A321" s="1">
        <v>41143</v>
      </c>
      <c r="B321">
        <v>0</v>
      </c>
      <c r="C321">
        <f t="shared" si="4"/>
        <v>907.00000000000034</v>
      </c>
      <c r="D321" s="1"/>
      <c r="G321" s="1"/>
      <c r="J321" s="1"/>
    </row>
    <row r="322" spans="1:10" x14ac:dyDescent="0.25">
      <c r="A322" s="1">
        <v>41144</v>
      </c>
      <c r="B322">
        <v>0</v>
      </c>
      <c r="C322">
        <f t="shared" si="4"/>
        <v>907.00000000000034</v>
      </c>
      <c r="D322" s="1"/>
      <c r="G322" s="1"/>
      <c r="J322" s="1"/>
    </row>
    <row r="323" spans="1:10" x14ac:dyDescent="0.25">
      <c r="A323" s="1">
        <v>41145</v>
      </c>
      <c r="B323">
        <v>0</v>
      </c>
      <c r="C323">
        <f t="shared" si="4"/>
        <v>907.00000000000034</v>
      </c>
      <c r="D323" s="1"/>
      <c r="G323" s="1"/>
      <c r="J323" s="1"/>
    </row>
    <row r="324" spans="1:10" x14ac:dyDescent="0.25">
      <c r="A324" s="1">
        <v>41146</v>
      </c>
      <c r="B324">
        <v>0</v>
      </c>
      <c r="C324">
        <f t="shared" si="4"/>
        <v>907.00000000000034</v>
      </c>
      <c r="D324" s="1"/>
      <c r="G324" s="1"/>
      <c r="J324" s="1"/>
    </row>
    <row r="325" spans="1:10" x14ac:dyDescent="0.25">
      <c r="A325" s="1">
        <v>41147</v>
      </c>
      <c r="B325">
        <v>0</v>
      </c>
      <c r="C325">
        <f t="shared" ref="C325:C388" si="5">B325+C324</f>
        <v>907.00000000000034</v>
      </c>
      <c r="D325" s="1"/>
      <c r="G325" s="1"/>
      <c r="J325" s="1"/>
    </row>
    <row r="326" spans="1:10" x14ac:dyDescent="0.25">
      <c r="A326" s="1">
        <v>41148</v>
      </c>
      <c r="B326">
        <v>43.9</v>
      </c>
      <c r="C326">
        <f t="shared" si="5"/>
        <v>950.90000000000032</v>
      </c>
      <c r="D326" s="1"/>
      <c r="G326" s="1"/>
      <c r="J326" s="1"/>
    </row>
    <row r="327" spans="1:10" x14ac:dyDescent="0.25">
      <c r="A327" s="1">
        <v>41149</v>
      </c>
      <c r="B327">
        <v>0</v>
      </c>
      <c r="C327">
        <f t="shared" si="5"/>
        <v>950.90000000000032</v>
      </c>
      <c r="D327" s="1"/>
      <c r="G327" s="1"/>
      <c r="J327" s="1"/>
    </row>
    <row r="328" spans="1:10" x14ac:dyDescent="0.25">
      <c r="A328" s="1">
        <v>41150</v>
      </c>
      <c r="B328">
        <v>0</v>
      </c>
      <c r="C328">
        <f t="shared" si="5"/>
        <v>950.90000000000032</v>
      </c>
      <c r="D328" s="1"/>
      <c r="G328" s="1"/>
      <c r="J328" s="1"/>
    </row>
    <row r="329" spans="1:10" x14ac:dyDescent="0.25">
      <c r="A329" s="1">
        <v>41151</v>
      </c>
      <c r="B329">
        <v>0</v>
      </c>
      <c r="C329">
        <f t="shared" si="5"/>
        <v>950.90000000000032</v>
      </c>
      <c r="D329" s="1"/>
      <c r="G329" s="1"/>
      <c r="J329" s="1"/>
    </row>
    <row r="330" spans="1:10" x14ac:dyDescent="0.25">
      <c r="A330" s="1">
        <v>41152</v>
      </c>
      <c r="B330">
        <v>0</v>
      </c>
      <c r="C330">
        <f t="shared" si="5"/>
        <v>950.90000000000032</v>
      </c>
      <c r="D330" s="1"/>
      <c r="G330" s="1"/>
      <c r="J330" s="1"/>
    </row>
    <row r="331" spans="1:10" x14ac:dyDescent="0.25">
      <c r="A331" s="1">
        <v>41153</v>
      </c>
      <c r="B331">
        <v>0</v>
      </c>
      <c r="C331">
        <f t="shared" si="5"/>
        <v>950.90000000000032</v>
      </c>
      <c r="D331" s="1"/>
      <c r="G331" s="1"/>
      <c r="J331" s="1"/>
    </row>
    <row r="332" spans="1:10" x14ac:dyDescent="0.25">
      <c r="A332" s="1">
        <v>41154</v>
      </c>
      <c r="B332">
        <v>0</v>
      </c>
      <c r="C332">
        <f t="shared" si="5"/>
        <v>950.90000000000032</v>
      </c>
      <c r="D332" s="1"/>
      <c r="G332" s="1"/>
      <c r="J332" s="1"/>
    </row>
    <row r="333" spans="1:10" x14ac:dyDescent="0.25">
      <c r="A333" s="1">
        <v>41155</v>
      </c>
      <c r="B333">
        <v>71.099999999999994</v>
      </c>
      <c r="C333">
        <f t="shared" si="5"/>
        <v>1022.0000000000003</v>
      </c>
      <c r="D333" s="1"/>
      <c r="G333" s="1"/>
      <c r="J333" s="1"/>
    </row>
    <row r="334" spans="1:10" x14ac:dyDescent="0.25">
      <c r="A334" s="1">
        <v>41156</v>
      </c>
      <c r="B334">
        <v>0.5</v>
      </c>
      <c r="C334">
        <f t="shared" si="5"/>
        <v>1022.5000000000003</v>
      </c>
      <c r="D334" s="1"/>
      <c r="G334" s="1"/>
      <c r="J334" s="1"/>
    </row>
    <row r="335" spans="1:10" x14ac:dyDescent="0.25">
      <c r="A335" s="1">
        <v>41157</v>
      </c>
      <c r="B335">
        <v>0</v>
      </c>
      <c r="C335">
        <f t="shared" si="5"/>
        <v>1022.5000000000003</v>
      </c>
      <c r="D335" s="1"/>
      <c r="G335" s="1"/>
      <c r="J335" s="1"/>
    </row>
    <row r="336" spans="1:10" x14ac:dyDescent="0.25">
      <c r="A336" s="1">
        <v>41158</v>
      </c>
      <c r="B336">
        <v>15.7</v>
      </c>
      <c r="C336">
        <f t="shared" si="5"/>
        <v>1038.2000000000003</v>
      </c>
      <c r="D336" s="1"/>
      <c r="G336" s="1"/>
      <c r="J336" s="1"/>
    </row>
    <row r="337" spans="1:10" x14ac:dyDescent="0.25">
      <c r="A337" s="1">
        <v>41159</v>
      </c>
      <c r="B337">
        <v>0</v>
      </c>
      <c r="C337">
        <f t="shared" si="5"/>
        <v>1038.2000000000003</v>
      </c>
      <c r="D337" s="1"/>
      <c r="G337" s="1"/>
      <c r="J337" s="1"/>
    </row>
    <row r="338" spans="1:10" x14ac:dyDescent="0.25">
      <c r="A338" s="1">
        <v>41160</v>
      </c>
      <c r="B338">
        <v>0</v>
      </c>
      <c r="C338">
        <f t="shared" si="5"/>
        <v>1038.2000000000003</v>
      </c>
      <c r="D338" s="1"/>
      <c r="G338" s="1"/>
      <c r="J338" s="1"/>
    </row>
    <row r="339" spans="1:10" x14ac:dyDescent="0.25">
      <c r="A339" s="1">
        <v>41161</v>
      </c>
      <c r="B339">
        <v>0</v>
      </c>
      <c r="C339">
        <f t="shared" si="5"/>
        <v>1038.2000000000003</v>
      </c>
      <c r="D339" s="1"/>
      <c r="G339" s="1"/>
      <c r="J339" s="1"/>
    </row>
    <row r="340" spans="1:10" x14ac:dyDescent="0.25">
      <c r="A340" s="1">
        <v>41162</v>
      </c>
      <c r="B340">
        <v>0</v>
      </c>
      <c r="C340">
        <f t="shared" si="5"/>
        <v>1038.2000000000003</v>
      </c>
      <c r="D340" s="1"/>
      <c r="G340" s="1"/>
      <c r="J340" s="1"/>
    </row>
    <row r="341" spans="1:10" x14ac:dyDescent="0.25">
      <c r="A341" s="1">
        <v>41163</v>
      </c>
      <c r="B341">
        <v>0</v>
      </c>
      <c r="C341">
        <f t="shared" si="5"/>
        <v>1038.2000000000003</v>
      </c>
      <c r="D341" s="1"/>
      <c r="G341" s="1"/>
      <c r="J341" s="1"/>
    </row>
    <row r="342" spans="1:10" x14ac:dyDescent="0.25">
      <c r="A342" s="1">
        <v>41164</v>
      </c>
      <c r="B342">
        <v>0</v>
      </c>
      <c r="C342">
        <f t="shared" si="5"/>
        <v>1038.2000000000003</v>
      </c>
      <c r="D342" s="1"/>
      <c r="G342" s="1"/>
      <c r="J342" s="1"/>
    </row>
    <row r="343" spans="1:10" x14ac:dyDescent="0.25">
      <c r="A343" s="1">
        <v>41165</v>
      </c>
      <c r="B343">
        <v>57</v>
      </c>
      <c r="C343">
        <f t="shared" si="5"/>
        <v>1095.2000000000003</v>
      </c>
      <c r="D343" s="1"/>
      <c r="G343" s="1"/>
      <c r="J343" s="1"/>
    </row>
    <row r="344" spans="1:10" x14ac:dyDescent="0.25">
      <c r="A344" s="1">
        <v>41166</v>
      </c>
      <c r="B344">
        <v>9.8000000000000007</v>
      </c>
      <c r="C344">
        <f t="shared" si="5"/>
        <v>1105.0000000000002</v>
      </c>
      <c r="D344" s="1"/>
      <c r="G344" s="1"/>
      <c r="J344" s="1"/>
    </row>
    <row r="345" spans="1:10" x14ac:dyDescent="0.25">
      <c r="A345" s="1">
        <v>41167</v>
      </c>
      <c r="B345">
        <v>0</v>
      </c>
      <c r="C345">
        <f t="shared" si="5"/>
        <v>1105.0000000000002</v>
      </c>
      <c r="D345" s="1"/>
      <c r="G345" s="1"/>
      <c r="J345" s="1"/>
    </row>
    <row r="346" spans="1:10" x14ac:dyDescent="0.25">
      <c r="A346" s="1">
        <v>41168</v>
      </c>
      <c r="B346">
        <v>0</v>
      </c>
      <c r="C346">
        <f t="shared" si="5"/>
        <v>1105.0000000000002</v>
      </c>
      <c r="D346" s="1"/>
      <c r="G346" s="1"/>
      <c r="J346" s="1"/>
    </row>
    <row r="347" spans="1:10" x14ac:dyDescent="0.25">
      <c r="A347" s="1">
        <v>41169</v>
      </c>
      <c r="B347">
        <v>0</v>
      </c>
      <c r="C347">
        <f t="shared" si="5"/>
        <v>1105.0000000000002</v>
      </c>
      <c r="D347" s="1"/>
      <c r="G347" s="1"/>
      <c r="J347" s="1"/>
    </row>
    <row r="348" spans="1:10" x14ac:dyDescent="0.25">
      <c r="A348" s="1">
        <v>41170</v>
      </c>
      <c r="B348">
        <v>0</v>
      </c>
      <c r="C348">
        <f t="shared" si="5"/>
        <v>1105.0000000000002</v>
      </c>
      <c r="D348" s="1"/>
      <c r="G348" s="1"/>
      <c r="J348" s="1"/>
    </row>
    <row r="349" spans="1:10" x14ac:dyDescent="0.25">
      <c r="A349" s="1">
        <v>41171</v>
      </c>
      <c r="B349">
        <v>0</v>
      </c>
      <c r="C349">
        <f t="shared" si="5"/>
        <v>1105.0000000000002</v>
      </c>
      <c r="D349" s="1"/>
      <c r="G349" s="1"/>
      <c r="J349" s="1"/>
    </row>
    <row r="350" spans="1:10" x14ac:dyDescent="0.25">
      <c r="A350" s="1">
        <v>41172</v>
      </c>
      <c r="B350">
        <v>31.8</v>
      </c>
      <c r="C350">
        <f t="shared" si="5"/>
        <v>1136.8000000000002</v>
      </c>
      <c r="D350" s="1"/>
      <c r="G350" s="1"/>
      <c r="J350" s="1"/>
    </row>
    <row r="351" spans="1:10" x14ac:dyDescent="0.25">
      <c r="A351" s="1">
        <v>41173</v>
      </c>
      <c r="B351">
        <v>0</v>
      </c>
      <c r="C351">
        <f t="shared" si="5"/>
        <v>1136.8000000000002</v>
      </c>
      <c r="D351" s="1"/>
      <c r="G351" s="1"/>
      <c r="J351" s="1"/>
    </row>
    <row r="352" spans="1:10" x14ac:dyDescent="0.25">
      <c r="A352" s="1">
        <v>41174</v>
      </c>
      <c r="B352">
        <v>0</v>
      </c>
      <c r="C352">
        <f t="shared" si="5"/>
        <v>1136.8000000000002</v>
      </c>
      <c r="D352" s="1"/>
      <c r="G352" s="1"/>
      <c r="J352" s="1"/>
    </row>
    <row r="353" spans="1:10" x14ac:dyDescent="0.25">
      <c r="A353" s="1">
        <v>41175</v>
      </c>
      <c r="B353">
        <v>0</v>
      </c>
      <c r="C353">
        <f t="shared" si="5"/>
        <v>1136.8000000000002</v>
      </c>
      <c r="D353" s="1"/>
      <c r="G353" s="1"/>
      <c r="J353" s="1"/>
    </row>
    <row r="354" spans="1:10" x14ac:dyDescent="0.25">
      <c r="A354" s="1">
        <v>41176</v>
      </c>
      <c r="B354">
        <v>0</v>
      </c>
      <c r="C354">
        <f t="shared" si="5"/>
        <v>1136.8000000000002</v>
      </c>
      <c r="D354" s="1"/>
      <c r="G354" s="1"/>
      <c r="J354" s="1"/>
    </row>
    <row r="355" spans="1:10" x14ac:dyDescent="0.25">
      <c r="A355" s="1">
        <v>41177</v>
      </c>
      <c r="C355">
        <f t="shared" si="5"/>
        <v>1136.8000000000002</v>
      </c>
      <c r="D355" s="1"/>
      <c r="G355" s="1"/>
      <c r="J355" s="1"/>
    </row>
    <row r="356" spans="1:10" x14ac:dyDescent="0.25">
      <c r="A356" s="1">
        <v>41178</v>
      </c>
      <c r="B356">
        <v>19.5</v>
      </c>
      <c r="C356">
        <f t="shared" si="5"/>
        <v>1156.3000000000002</v>
      </c>
      <c r="D356" s="1"/>
      <c r="G356" s="1"/>
      <c r="J356" s="1"/>
    </row>
    <row r="357" spans="1:10" x14ac:dyDescent="0.25">
      <c r="A357" s="1">
        <v>41179</v>
      </c>
      <c r="B357">
        <v>3.8</v>
      </c>
      <c r="C357">
        <f t="shared" si="5"/>
        <v>1160.1000000000001</v>
      </c>
      <c r="D357" s="1"/>
      <c r="G357" s="1"/>
      <c r="J357" s="1"/>
    </row>
    <row r="358" spans="1:10" x14ac:dyDescent="0.25">
      <c r="A358" s="1">
        <v>41180</v>
      </c>
      <c r="B358">
        <v>10.4</v>
      </c>
      <c r="C358">
        <f t="shared" si="5"/>
        <v>1170.5000000000002</v>
      </c>
      <c r="D358" s="1"/>
      <c r="G358" s="1"/>
      <c r="J358" s="1"/>
    </row>
    <row r="359" spans="1:10" x14ac:dyDescent="0.25">
      <c r="A359" s="1">
        <v>41181</v>
      </c>
      <c r="B359">
        <v>0</v>
      </c>
      <c r="C359">
        <f t="shared" si="5"/>
        <v>1170.5000000000002</v>
      </c>
      <c r="D359" s="1"/>
      <c r="G359" s="1"/>
      <c r="J359" s="1"/>
    </row>
    <row r="360" spans="1:10" x14ac:dyDescent="0.25">
      <c r="A360" s="1">
        <v>41182</v>
      </c>
      <c r="B360">
        <v>0</v>
      </c>
      <c r="C360">
        <f t="shared" si="5"/>
        <v>1170.5000000000002</v>
      </c>
      <c r="D360" s="1"/>
      <c r="G360" s="1"/>
      <c r="J360" s="1"/>
    </row>
    <row r="361" spans="1:10" x14ac:dyDescent="0.25">
      <c r="A361" s="1">
        <v>41183</v>
      </c>
      <c r="B361">
        <v>4.5999999999999996</v>
      </c>
      <c r="C361">
        <f t="shared" si="5"/>
        <v>1175.1000000000001</v>
      </c>
      <c r="D361" s="1"/>
      <c r="G361" s="1"/>
      <c r="J361" s="1"/>
    </row>
    <row r="362" spans="1:10" x14ac:dyDescent="0.25">
      <c r="A362" s="1">
        <v>41184</v>
      </c>
      <c r="B362">
        <v>0</v>
      </c>
      <c r="C362">
        <f t="shared" si="5"/>
        <v>1175.1000000000001</v>
      </c>
      <c r="D362" s="1"/>
      <c r="G362" s="1"/>
      <c r="J362" s="1"/>
    </row>
    <row r="363" spans="1:10" x14ac:dyDescent="0.25">
      <c r="A363" s="1">
        <v>41185</v>
      </c>
      <c r="B363">
        <v>4.2</v>
      </c>
      <c r="C363">
        <f t="shared" si="5"/>
        <v>1179.3000000000002</v>
      </c>
      <c r="D363" s="1"/>
      <c r="G363" s="1"/>
      <c r="J363" s="1"/>
    </row>
    <row r="364" spans="1:10" x14ac:dyDescent="0.25">
      <c r="A364" s="1">
        <v>41186</v>
      </c>
      <c r="B364">
        <v>0</v>
      </c>
      <c r="C364">
        <f t="shared" si="5"/>
        <v>1179.3000000000002</v>
      </c>
      <c r="D364" s="1"/>
      <c r="G364" s="1"/>
      <c r="J364" s="1"/>
    </row>
    <row r="365" spans="1:10" x14ac:dyDescent="0.25">
      <c r="A365" s="1">
        <v>41187</v>
      </c>
      <c r="B365">
        <v>0</v>
      </c>
      <c r="C365">
        <f t="shared" si="5"/>
        <v>1179.3000000000002</v>
      </c>
      <c r="D365" s="1"/>
      <c r="G365" s="1"/>
      <c r="J365" s="1"/>
    </row>
    <row r="366" spans="1:10" x14ac:dyDescent="0.25">
      <c r="A366" s="1">
        <v>41188</v>
      </c>
      <c r="B366">
        <v>0</v>
      </c>
      <c r="C366">
        <f t="shared" si="5"/>
        <v>1179.3000000000002</v>
      </c>
      <c r="D366" s="1"/>
      <c r="G366" s="1"/>
      <c r="J366" s="1"/>
    </row>
    <row r="367" spans="1:10" x14ac:dyDescent="0.25">
      <c r="A367" s="1">
        <v>41189</v>
      </c>
      <c r="B367">
        <v>0</v>
      </c>
      <c r="C367">
        <f t="shared" si="5"/>
        <v>1179.3000000000002</v>
      </c>
      <c r="D367" s="1"/>
      <c r="G367" s="1"/>
      <c r="J367" s="1"/>
    </row>
    <row r="368" spans="1:10" x14ac:dyDescent="0.25">
      <c r="A368" s="1">
        <v>41190</v>
      </c>
      <c r="B368">
        <v>4.0999999999999996</v>
      </c>
      <c r="C368">
        <f t="shared" si="5"/>
        <v>1183.4000000000001</v>
      </c>
      <c r="D368" s="1"/>
      <c r="G368" s="1"/>
      <c r="J368" s="1"/>
    </row>
    <row r="369" spans="1:4" x14ac:dyDescent="0.25">
      <c r="A369" s="1">
        <v>41191</v>
      </c>
      <c r="B369">
        <v>0</v>
      </c>
      <c r="C369">
        <f t="shared" si="5"/>
        <v>1183.4000000000001</v>
      </c>
      <c r="D369" s="1"/>
    </row>
    <row r="370" spans="1:4" x14ac:dyDescent="0.25">
      <c r="A370" s="1">
        <v>41192</v>
      </c>
      <c r="B370">
        <v>6</v>
      </c>
      <c r="C370">
        <f t="shared" si="5"/>
        <v>1189.4000000000001</v>
      </c>
    </row>
    <row r="371" spans="1:4" x14ac:dyDescent="0.25">
      <c r="A371" s="1">
        <v>41193</v>
      </c>
      <c r="B371">
        <v>0.8</v>
      </c>
      <c r="C371">
        <f t="shared" si="5"/>
        <v>1190.2</v>
      </c>
    </row>
    <row r="372" spans="1:4" x14ac:dyDescent="0.25">
      <c r="A372" s="1">
        <v>41194</v>
      </c>
      <c r="B372">
        <v>0</v>
      </c>
      <c r="C372">
        <f t="shared" si="5"/>
        <v>1190.2</v>
      </c>
    </row>
    <row r="373" spans="1:4" x14ac:dyDescent="0.25">
      <c r="A373" s="1">
        <v>41195</v>
      </c>
      <c r="B373">
        <v>0</v>
      </c>
      <c r="C373">
        <f t="shared" si="5"/>
        <v>1190.2</v>
      </c>
    </row>
    <row r="374" spans="1:4" x14ac:dyDescent="0.25">
      <c r="A374" s="1">
        <v>41196</v>
      </c>
      <c r="B374">
        <v>0</v>
      </c>
      <c r="C374">
        <f t="shared" si="5"/>
        <v>1190.2</v>
      </c>
    </row>
    <row r="375" spans="1:4" x14ac:dyDescent="0.25">
      <c r="A375" s="1">
        <v>41197</v>
      </c>
      <c r="B375">
        <v>14</v>
      </c>
      <c r="C375">
        <f t="shared" si="5"/>
        <v>1204.2</v>
      </c>
    </row>
    <row r="376" spans="1:4" x14ac:dyDescent="0.25">
      <c r="A376" s="1">
        <v>41198</v>
      </c>
      <c r="B376">
        <v>62.6</v>
      </c>
      <c r="C376">
        <f t="shared" si="5"/>
        <v>1266.8</v>
      </c>
    </row>
    <row r="377" spans="1:4" x14ac:dyDescent="0.25">
      <c r="A377" s="1">
        <v>41199</v>
      </c>
      <c r="B377">
        <v>3.1</v>
      </c>
      <c r="C377">
        <f t="shared" si="5"/>
        <v>1269.8999999999999</v>
      </c>
    </row>
    <row r="378" spans="1:4" x14ac:dyDescent="0.25">
      <c r="A378" s="1">
        <v>41200</v>
      </c>
      <c r="B378">
        <v>0</v>
      </c>
      <c r="C378">
        <f t="shared" si="5"/>
        <v>1269.8999999999999</v>
      </c>
    </row>
    <row r="379" spans="1:4" x14ac:dyDescent="0.25">
      <c r="A379" s="1">
        <v>41201</v>
      </c>
      <c r="B379">
        <v>0</v>
      </c>
      <c r="C379">
        <f t="shared" si="5"/>
        <v>1269.8999999999999</v>
      </c>
    </row>
    <row r="380" spans="1:4" x14ac:dyDescent="0.25">
      <c r="A380" s="1">
        <v>41202</v>
      </c>
      <c r="B380">
        <v>0</v>
      </c>
      <c r="C380">
        <f t="shared" si="5"/>
        <v>1269.8999999999999</v>
      </c>
    </row>
    <row r="381" spans="1:4" x14ac:dyDescent="0.25">
      <c r="A381" s="1">
        <v>41203</v>
      </c>
      <c r="B381">
        <v>0</v>
      </c>
      <c r="C381">
        <f t="shared" si="5"/>
        <v>1269.8999999999999</v>
      </c>
    </row>
    <row r="382" spans="1:4" x14ac:dyDescent="0.25">
      <c r="A382" s="1">
        <v>41204</v>
      </c>
      <c r="B382">
        <v>0</v>
      </c>
      <c r="C382">
        <f t="shared" si="5"/>
        <v>1269.8999999999999</v>
      </c>
    </row>
    <row r="383" spans="1:4" x14ac:dyDescent="0.25">
      <c r="A383" s="1">
        <v>41205</v>
      </c>
      <c r="B383">
        <v>0</v>
      </c>
      <c r="C383">
        <f t="shared" si="5"/>
        <v>1269.8999999999999</v>
      </c>
    </row>
    <row r="384" spans="1:4" x14ac:dyDescent="0.25">
      <c r="A384" s="1">
        <v>41206</v>
      </c>
      <c r="B384">
        <v>0</v>
      </c>
      <c r="C384">
        <f t="shared" si="5"/>
        <v>1269.8999999999999</v>
      </c>
    </row>
    <row r="385" spans="1:3" x14ac:dyDescent="0.25">
      <c r="A385" s="1">
        <v>41207</v>
      </c>
      <c r="B385">
        <v>0</v>
      </c>
      <c r="C385">
        <f t="shared" si="5"/>
        <v>1269.8999999999999</v>
      </c>
    </row>
    <row r="386" spans="1:3" x14ac:dyDescent="0.25">
      <c r="A386" s="1">
        <v>41208</v>
      </c>
      <c r="B386">
        <v>0.4</v>
      </c>
      <c r="C386">
        <f t="shared" si="5"/>
        <v>1270.3</v>
      </c>
    </row>
    <row r="387" spans="1:3" x14ac:dyDescent="0.25">
      <c r="A387" s="1">
        <v>41209</v>
      </c>
      <c r="B387">
        <v>0</v>
      </c>
      <c r="C387">
        <f t="shared" si="5"/>
        <v>1270.3</v>
      </c>
    </row>
    <row r="388" spans="1:3" x14ac:dyDescent="0.25">
      <c r="A388" s="1">
        <v>41210</v>
      </c>
      <c r="B388">
        <v>0</v>
      </c>
      <c r="C388">
        <f t="shared" si="5"/>
        <v>1270.3</v>
      </c>
    </row>
    <row r="389" spans="1:3" x14ac:dyDescent="0.25">
      <c r="A389" s="1">
        <v>41211</v>
      </c>
      <c r="B389">
        <v>113.5</v>
      </c>
      <c r="C389">
        <f t="shared" ref="C389:C452" si="6">B389+C388</f>
        <v>1383.8</v>
      </c>
    </row>
    <row r="390" spans="1:3" x14ac:dyDescent="0.25">
      <c r="A390" s="1">
        <v>41212</v>
      </c>
      <c r="B390">
        <v>0</v>
      </c>
      <c r="C390">
        <f t="shared" si="6"/>
        <v>1383.8</v>
      </c>
    </row>
    <row r="391" spans="1:3" x14ac:dyDescent="0.25">
      <c r="A391" s="1">
        <v>41213</v>
      </c>
      <c r="B391">
        <v>0</v>
      </c>
      <c r="C391">
        <f t="shared" si="6"/>
        <v>1383.8</v>
      </c>
    </row>
    <row r="392" spans="1:3" x14ac:dyDescent="0.25">
      <c r="A392" s="1">
        <v>41214</v>
      </c>
      <c r="B392">
        <v>0</v>
      </c>
      <c r="C392">
        <f t="shared" si="6"/>
        <v>1383.8</v>
      </c>
    </row>
    <row r="393" spans="1:3" x14ac:dyDescent="0.25">
      <c r="A393" s="1">
        <v>41215</v>
      </c>
      <c r="B393">
        <v>53.1</v>
      </c>
      <c r="C393">
        <f t="shared" si="6"/>
        <v>1436.8999999999999</v>
      </c>
    </row>
    <row r="394" spans="1:3" x14ac:dyDescent="0.25">
      <c r="A394" s="1">
        <v>41216</v>
      </c>
      <c r="B394">
        <v>0</v>
      </c>
      <c r="C394">
        <f t="shared" si="6"/>
        <v>1436.8999999999999</v>
      </c>
    </row>
    <row r="395" spans="1:3" x14ac:dyDescent="0.25">
      <c r="A395" s="1">
        <v>41217</v>
      </c>
      <c r="B395">
        <v>0</v>
      </c>
      <c r="C395">
        <f t="shared" si="6"/>
        <v>1436.8999999999999</v>
      </c>
    </row>
    <row r="396" spans="1:3" x14ac:dyDescent="0.25">
      <c r="A396" s="1">
        <v>41218</v>
      </c>
      <c r="B396">
        <v>14.1</v>
      </c>
      <c r="C396">
        <f t="shared" si="6"/>
        <v>1450.9999999999998</v>
      </c>
    </row>
    <row r="397" spans="1:3" x14ac:dyDescent="0.25">
      <c r="A397" s="1">
        <v>41219</v>
      </c>
      <c r="B397">
        <v>10.8</v>
      </c>
      <c r="C397">
        <f t="shared" si="6"/>
        <v>1461.7999999999997</v>
      </c>
    </row>
    <row r="398" spans="1:3" x14ac:dyDescent="0.25">
      <c r="A398" s="1">
        <v>41220</v>
      </c>
      <c r="B398">
        <v>6</v>
      </c>
      <c r="C398">
        <f t="shared" si="6"/>
        <v>1467.7999999999997</v>
      </c>
    </row>
    <row r="399" spans="1:3" x14ac:dyDescent="0.25">
      <c r="A399" s="1">
        <v>41221</v>
      </c>
      <c r="B399">
        <v>0</v>
      </c>
      <c r="C399">
        <f t="shared" si="6"/>
        <v>1467.7999999999997</v>
      </c>
    </row>
    <row r="400" spans="1:3" x14ac:dyDescent="0.25">
      <c r="A400" s="1">
        <v>41222</v>
      </c>
      <c r="B400">
        <v>0</v>
      </c>
      <c r="C400">
        <f t="shared" si="6"/>
        <v>1467.7999999999997</v>
      </c>
    </row>
    <row r="401" spans="1:3" x14ac:dyDescent="0.25">
      <c r="A401" s="1">
        <v>41223</v>
      </c>
      <c r="B401">
        <v>0</v>
      </c>
      <c r="C401">
        <f t="shared" si="6"/>
        <v>1467.7999999999997</v>
      </c>
    </row>
    <row r="402" spans="1:3" x14ac:dyDescent="0.25">
      <c r="A402" s="1">
        <v>41224</v>
      </c>
      <c r="B402">
        <v>0</v>
      </c>
      <c r="C402">
        <f t="shared" si="6"/>
        <v>1467.7999999999997</v>
      </c>
    </row>
    <row r="403" spans="1:3" x14ac:dyDescent="0.25">
      <c r="A403" s="1">
        <v>41225</v>
      </c>
      <c r="B403">
        <v>4.5999999999999996</v>
      </c>
      <c r="C403">
        <f t="shared" si="6"/>
        <v>1472.3999999999996</v>
      </c>
    </row>
    <row r="404" spans="1:3" x14ac:dyDescent="0.25">
      <c r="A404" s="1">
        <v>41226</v>
      </c>
      <c r="B404">
        <v>7.2</v>
      </c>
      <c r="C404">
        <f t="shared" si="6"/>
        <v>1479.5999999999997</v>
      </c>
    </row>
    <row r="405" spans="1:3" x14ac:dyDescent="0.25">
      <c r="A405" s="1">
        <v>41227</v>
      </c>
      <c r="B405">
        <v>0.3</v>
      </c>
      <c r="C405">
        <f t="shared" si="6"/>
        <v>1479.8999999999996</v>
      </c>
    </row>
    <row r="406" spans="1:3" x14ac:dyDescent="0.25">
      <c r="A406" s="1">
        <v>41228</v>
      </c>
      <c r="B406">
        <v>0</v>
      </c>
      <c r="C406">
        <f t="shared" si="6"/>
        <v>1479.8999999999996</v>
      </c>
    </row>
    <row r="407" spans="1:3" x14ac:dyDescent="0.25">
      <c r="A407" s="1">
        <v>41229</v>
      </c>
      <c r="B407">
        <v>0</v>
      </c>
      <c r="C407">
        <f t="shared" si="6"/>
        <v>1479.8999999999996</v>
      </c>
    </row>
    <row r="408" spans="1:3" x14ac:dyDescent="0.25">
      <c r="A408" s="1">
        <v>41230</v>
      </c>
      <c r="B408">
        <v>0</v>
      </c>
      <c r="C408">
        <f t="shared" si="6"/>
        <v>1479.8999999999996</v>
      </c>
    </row>
    <row r="409" spans="1:3" x14ac:dyDescent="0.25">
      <c r="A409" s="1">
        <v>41231</v>
      </c>
      <c r="B409">
        <v>0</v>
      </c>
      <c r="C409">
        <f t="shared" si="6"/>
        <v>1479.8999999999996</v>
      </c>
    </row>
    <row r="410" spans="1:3" x14ac:dyDescent="0.25">
      <c r="A410" s="1">
        <v>41232</v>
      </c>
      <c r="B410">
        <v>5.9</v>
      </c>
      <c r="C410">
        <f t="shared" si="6"/>
        <v>1485.7999999999997</v>
      </c>
    </row>
    <row r="411" spans="1:3" x14ac:dyDescent="0.25">
      <c r="A411" s="1">
        <v>41233</v>
      </c>
      <c r="B411">
        <v>0</v>
      </c>
      <c r="C411">
        <f t="shared" si="6"/>
        <v>1485.7999999999997</v>
      </c>
    </row>
    <row r="412" spans="1:3" x14ac:dyDescent="0.25">
      <c r="A412" s="1">
        <v>41234</v>
      </c>
      <c r="B412">
        <v>0</v>
      </c>
      <c r="C412">
        <f t="shared" si="6"/>
        <v>1485.7999999999997</v>
      </c>
    </row>
    <row r="413" spans="1:3" x14ac:dyDescent="0.25">
      <c r="A413" s="1">
        <v>41235</v>
      </c>
      <c r="B413">
        <v>0</v>
      </c>
      <c r="C413">
        <f t="shared" si="6"/>
        <v>1485.7999999999997</v>
      </c>
    </row>
    <row r="414" spans="1:3" x14ac:dyDescent="0.25">
      <c r="A414" s="1">
        <v>41236</v>
      </c>
      <c r="B414">
        <v>4.5</v>
      </c>
      <c r="C414">
        <f t="shared" si="6"/>
        <v>1490.2999999999997</v>
      </c>
    </row>
    <row r="415" spans="1:3" x14ac:dyDescent="0.25">
      <c r="A415" s="1">
        <v>41237</v>
      </c>
      <c r="B415">
        <v>0</v>
      </c>
      <c r="C415">
        <f t="shared" si="6"/>
        <v>1490.2999999999997</v>
      </c>
    </row>
    <row r="416" spans="1:3" x14ac:dyDescent="0.25">
      <c r="A416" s="1">
        <v>41238</v>
      </c>
      <c r="B416">
        <v>0</v>
      </c>
      <c r="C416">
        <f t="shared" si="6"/>
        <v>1490.2999999999997</v>
      </c>
    </row>
    <row r="417" spans="1:3" x14ac:dyDescent="0.25">
      <c r="A417" s="1">
        <v>41239</v>
      </c>
      <c r="B417">
        <v>0.3</v>
      </c>
      <c r="C417">
        <f t="shared" si="6"/>
        <v>1490.5999999999997</v>
      </c>
    </row>
    <row r="418" spans="1:3" x14ac:dyDescent="0.25">
      <c r="A418" s="1">
        <v>41240</v>
      </c>
      <c r="B418">
        <v>0</v>
      </c>
      <c r="C418">
        <f t="shared" si="6"/>
        <v>1490.5999999999997</v>
      </c>
    </row>
    <row r="419" spans="1:3" x14ac:dyDescent="0.25">
      <c r="A419" s="1">
        <v>41241</v>
      </c>
      <c r="B419">
        <v>34</v>
      </c>
      <c r="C419">
        <f t="shared" si="6"/>
        <v>1524.5999999999997</v>
      </c>
    </row>
    <row r="420" spans="1:3" x14ac:dyDescent="0.25">
      <c r="A420" s="1">
        <v>41242</v>
      </c>
      <c r="B420">
        <v>17.399999999999999</v>
      </c>
      <c r="C420">
        <f t="shared" si="6"/>
        <v>1541.9999999999998</v>
      </c>
    </row>
    <row r="421" spans="1:3" x14ac:dyDescent="0.25">
      <c r="A421" s="1">
        <v>41243</v>
      </c>
      <c r="B421">
        <v>5.0999999999999996</v>
      </c>
      <c r="C421">
        <f t="shared" si="6"/>
        <v>1547.0999999999997</v>
      </c>
    </row>
    <row r="422" spans="1:3" x14ac:dyDescent="0.25">
      <c r="A422" s="1">
        <v>41244</v>
      </c>
      <c r="B422">
        <v>0</v>
      </c>
      <c r="C422">
        <f t="shared" si="6"/>
        <v>1547.0999999999997</v>
      </c>
    </row>
    <row r="423" spans="1:3" x14ac:dyDescent="0.25">
      <c r="A423" s="1">
        <v>41245</v>
      </c>
      <c r="B423">
        <v>0</v>
      </c>
      <c r="C423">
        <f t="shared" si="6"/>
        <v>1547.0999999999997</v>
      </c>
    </row>
    <row r="424" spans="1:3" x14ac:dyDescent="0.25">
      <c r="A424" s="1">
        <v>41246</v>
      </c>
      <c r="B424">
        <v>11.2</v>
      </c>
      <c r="C424">
        <f t="shared" si="6"/>
        <v>1558.2999999999997</v>
      </c>
    </row>
    <row r="425" spans="1:3" x14ac:dyDescent="0.25">
      <c r="A425" s="1">
        <v>41247</v>
      </c>
      <c r="B425">
        <v>0</v>
      </c>
      <c r="C425">
        <f t="shared" si="6"/>
        <v>1558.2999999999997</v>
      </c>
    </row>
    <row r="426" spans="1:3" x14ac:dyDescent="0.25">
      <c r="A426" s="1">
        <v>41248</v>
      </c>
      <c r="B426">
        <v>18.8</v>
      </c>
      <c r="C426">
        <f t="shared" si="6"/>
        <v>1577.0999999999997</v>
      </c>
    </row>
    <row r="427" spans="1:3" x14ac:dyDescent="0.25">
      <c r="A427" s="1">
        <v>41249</v>
      </c>
      <c r="B427">
        <v>0</v>
      </c>
      <c r="C427">
        <f t="shared" si="6"/>
        <v>1577.0999999999997</v>
      </c>
    </row>
    <row r="428" spans="1:3" x14ac:dyDescent="0.25">
      <c r="A428" s="1">
        <v>41250</v>
      </c>
      <c r="B428">
        <v>0</v>
      </c>
      <c r="C428">
        <f t="shared" si="6"/>
        <v>1577.0999999999997</v>
      </c>
    </row>
    <row r="429" spans="1:3" x14ac:dyDescent="0.25">
      <c r="A429" s="1">
        <v>41251</v>
      </c>
      <c r="B429">
        <v>0</v>
      </c>
      <c r="C429">
        <f t="shared" si="6"/>
        <v>1577.0999999999997</v>
      </c>
    </row>
    <row r="430" spans="1:3" x14ac:dyDescent="0.25">
      <c r="A430" s="1">
        <v>41252</v>
      </c>
      <c r="B430">
        <v>0</v>
      </c>
      <c r="C430">
        <f t="shared" si="6"/>
        <v>1577.0999999999997</v>
      </c>
    </row>
    <row r="431" spans="1:3" x14ac:dyDescent="0.25">
      <c r="A431" s="1">
        <v>41253</v>
      </c>
      <c r="B431">
        <v>18.8</v>
      </c>
      <c r="C431">
        <f t="shared" si="6"/>
        <v>1595.8999999999996</v>
      </c>
    </row>
    <row r="432" spans="1:3" x14ac:dyDescent="0.25">
      <c r="A432" s="1">
        <v>41254</v>
      </c>
      <c r="B432">
        <v>0</v>
      </c>
      <c r="C432">
        <f t="shared" si="6"/>
        <v>1595.8999999999996</v>
      </c>
    </row>
    <row r="433" spans="1:3" x14ac:dyDescent="0.25">
      <c r="A433" s="1">
        <v>41255</v>
      </c>
      <c r="B433">
        <v>0</v>
      </c>
      <c r="C433">
        <f t="shared" si="6"/>
        <v>1595.8999999999996</v>
      </c>
    </row>
    <row r="434" spans="1:3" x14ac:dyDescent="0.25">
      <c r="A434" s="1">
        <v>41256</v>
      </c>
      <c r="B434">
        <v>0</v>
      </c>
      <c r="C434">
        <f t="shared" si="6"/>
        <v>1595.8999999999996</v>
      </c>
    </row>
    <row r="435" spans="1:3" x14ac:dyDescent="0.25">
      <c r="A435" s="1">
        <v>41257</v>
      </c>
      <c r="B435">
        <v>0</v>
      </c>
      <c r="C435">
        <f t="shared" si="6"/>
        <v>1595.8999999999996</v>
      </c>
    </row>
    <row r="436" spans="1:3" x14ac:dyDescent="0.25">
      <c r="A436" s="1">
        <v>41258</v>
      </c>
      <c r="B436">
        <v>0</v>
      </c>
      <c r="C436">
        <f t="shared" si="6"/>
        <v>1595.8999999999996</v>
      </c>
    </row>
    <row r="437" spans="1:3" x14ac:dyDescent="0.25">
      <c r="A437" s="1">
        <v>41259</v>
      </c>
      <c r="B437">
        <v>0</v>
      </c>
      <c r="C437">
        <f t="shared" si="6"/>
        <v>1595.8999999999996</v>
      </c>
    </row>
    <row r="438" spans="1:3" x14ac:dyDescent="0.25">
      <c r="A438" s="1">
        <v>41260</v>
      </c>
      <c r="B438">
        <v>20.3</v>
      </c>
      <c r="C438">
        <f t="shared" si="6"/>
        <v>1616.1999999999996</v>
      </c>
    </row>
    <row r="439" spans="1:3" x14ac:dyDescent="0.25">
      <c r="A439" s="1">
        <v>41261</v>
      </c>
      <c r="B439">
        <v>0</v>
      </c>
      <c r="C439">
        <f t="shared" si="6"/>
        <v>1616.1999999999996</v>
      </c>
    </row>
    <row r="440" spans="1:3" x14ac:dyDescent="0.25">
      <c r="A440" s="1">
        <v>41262</v>
      </c>
      <c r="B440">
        <v>0</v>
      </c>
      <c r="C440">
        <f t="shared" si="6"/>
        <v>1616.1999999999996</v>
      </c>
    </row>
    <row r="441" spans="1:3" x14ac:dyDescent="0.25">
      <c r="A441" s="1">
        <v>41263</v>
      </c>
      <c r="B441">
        <v>0</v>
      </c>
      <c r="C441">
        <f t="shared" si="6"/>
        <v>1616.1999999999996</v>
      </c>
    </row>
    <row r="442" spans="1:3" x14ac:dyDescent="0.25">
      <c r="A442" s="1">
        <v>41264</v>
      </c>
      <c r="B442">
        <v>0</v>
      </c>
      <c r="C442">
        <f t="shared" si="6"/>
        <v>1616.1999999999996</v>
      </c>
    </row>
    <row r="443" spans="1:3" x14ac:dyDescent="0.25">
      <c r="A443" s="1">
        <v>41265</v>
      </c>
      <c r="B443">
        <v>0</v>
      </c>
      <c r="C443">
        <f t="shared" si="6"/>
        <v>1616.1999999999996</v>
      </c>
    </row>
    <row r="444" spans="1:3" x14ac:dyDescent="0.25">
      <c r="A444" s="1">
        <v>41266</v>
      </c>
      <c r="B444">
        <v>0</v>
      </c>
      <c r="C444">
        <f t="shared" si="6"/>
        <v>1616.1999999999996</v>
      </c>
    </row>
    <row r="445" spans="1:3" x14ac:dyDescent="0.25">
      <c r="A445" s="1">
        <v>41267</v>
      </c>
      <c r="B445">
        <v>0</v>
      </c>
      <c r="C445">
        <f t="shared" si="6"/>
        <v>1616.1999999999996</v>
      </c>
    </row>
    <row r="446" spans="1:3" x14ac:dyDescent="0.25">
      <c r="A446" s="1">
        <v>41268</v>
      </c>
      <c r="B446">
        <v>0</v>
      </c>
      <c r="C446">
        <f t="shared" si="6"/>
        <v>1616.1999999999996</v>
      </c>
    </row>
    <row r="447" spans="1:3" x14ac:dyDescent="0.25">
      <c r="A447" s="1">
        <v>41269</v>
      </c>
      <c r="B447">
        <v>0</v>
      </c>
      <c r="C447">
        <f t="shared" si="6"/>
        <v>1616.1999999999996</v>
      </c>
    </row>
    <row r="448" spans="1:3" x14ac:dyDescent="0.25">
      <c r="A448" s="1">
        <v>41270</v>
      </c>
      <c r="B448">
        <v>20.2</v>
      </c>
      <c r="C448">
        <f t="shared" si="6"/>
        <v>1636.3999999999996</v>
      </c>
    </row>
    <row r="449" spans="1:3" x14ac:dyDescent="0.25">
      <c r="A449" s="1">
        <v>41271</v>
      </c>
      <c r="B449">
        <v>1.4</v>
      </c>
      <c r="C449">
        <f t="shared" si="6"/>
        <v>1637.7999999999997</v>
      </c>
    </row>
    <row r="450" spans="1:3" x14ac:dyDescent="0.25">
      <c r="A450" s="1">
        <v>41272</v>
      </c>
      <c r="B450">
        <v>0</v>
      </c>
      <c r="C450">
        <f t="shared" si="6"/>
        <v>1637.7999999999997</v>
      </c>
    </row>
    <row r="451" spans="1:3" x14ac:dyDescent="0.25">
      <c r="A451" s="1">
        <v>41273</v>
      </c>
      <c r="B451">
        <v>0</v>
      </c>
      <c r="C451">
        <f t="shared" si="6"/>
        <v>1637.7999999999997</v>
      </c>
    </row>
    <row r="452" spans="1:3" x14ac:dyDescent="0.25">
      <c r="A452" s="1">
        <v>41274</v>
      </c>
      <c r="B452">
        <v>0</v>
      </c>
      <c r="C452">
        <f t="shared" si="6"/>
        <v>1637.7999999999997</v>
      </c>
    </row>
    <row r="453" spans="1:3" x14ac:dyDescent="0.25">
      <c r="A453" s="1">
        <v>41275</v>
      </c>
      <c r="B453">
        <v>0</v>
      </c>
      <c r="C453">
        <f t="shared" ref="C453:C516" si="7">B453+C452</f>
        <v>1637.7999999999997</v>
      </c>
    </row>
    <row r="454" spans="1:3" x14ac:dyDescent="0.25">
      <c r="A454" s="1">
        <v>41276</v>
      </c>
      <c r="B454">
        <v>0.3</v>
      </c>
      <c r="C454">
        <f t="shared" si="7"/>
        <v>1638.0999999999997</v>
      </c>
    </row>
    <row r="455" spans="1:3" x14ac:dyDescent="0.25">
      <c r="A455" s="1">
        <v>41277</v>
      </c>
      <c r="B455">
        <v>4</v>
      </c>
      <c r="C455">
        <f t="shared" si="7"/>
        <v>1642.0999999999997</v>
      </c>
    </row>
    <row r="456" spans="1:3" x14ac:dyDescent="0.25">
      <c r="A456" s="1">
        <v>41278</v>
      </c>
      <c r="B456">
        <v>0</v>
      </c>
      <c r="C456">
        <f t="shared" si="7"/>
        <v>1642.0999999999997</v>
      </c>
    </row>
    <row r="457" spans="1:3" x14ac:dyDescent="0.25">
      <c r="A457" s="1">
        <v>41279</v>
      </c>
      <c r="B457">
        <v>0</v>
      </c>
      <c r="C457">
        <f t="shared" si="7"/>
        <v>1642.0999999999997</v>
      </c>
    </row>
    <row r="458" spans="1:3" x14ac:dyDescent="0.25">
      <c r="A458" s="1">
        <v>41280</v>
      </c>
      <c r="B458">
        <v>0</v>
      </c>
      <c r="C458">
        <f t="shared" si="7"/>
        <v>1642.0999999999997</v>
      </c>
    </row>
    <row r="459" spans="1:3" x14ac:dyDescent="0.25">
      <c r="A459" s="1">
        <v>41281</v>
      </c>
      <c r="B459">
        <v>0</v>
      </c>
      <c r="C459">
        <f t="shared" si="7"/>
        <v>1642.0999999999997</v>
      </c>
    </row>
    <row r="460" spans="1:3" x14ac:dyDescent="0.25">
      <c r="A460" s="1">
        <v>41282</v>
      </c>
      <c r="B460">
        <v>0</v>
      </c>
      <c r="C460">
        <f t="shared" si="7"/>
        <v>1642.0999999999997</v>
      </c>
    </row>
    <row r="461" spans="1:3" x14ac:dyDescent="0.25">
      <c r="A461" s="1">
        <v>41283</v>
      </c>
      <c r="B461">
        <v>0</v>
      </c>
      <c r="C461">
        <f t="shared" si="7"/>
        <v>1642.0999999999997</v>
      </c>
    </row>
    <row r="462" spans="1:3" x14ac:dyDescent="0.25">
      <c r="A462" s="1">
        <v>41284</v>
      </c>
      <c r="B462">
        <v>0.5</v>
      </c>
      <c r="C462">
        <f t="shared" si="7"/>
        <v>1642.5999999999997</v>
      </c>
    </row>
    <row r="463" spans="1:3" x14ac:dyDescent="0.25">
      <c r="A463" s="1">
        <v>41285</v>
      </c>
      <c r="B463">
        <v>0</v>
      </c>
      <c r="C463">
        <f t="shared" si="7"/>
        <v>1642.5999999999997</v>
      </c>
    </row>
    <row r="464" spans="1:3" x14ac:dyDescent="0.25">
      <c r="A464" s="1">
        <v>41286</v>
      </c>
      <c r="B464">
        <v>0</v>
      </c>
      <c r="C464">
        <f t="shared" si="7"/>
        <v>1642.5999999999997</v>
      </c>
    </row>
    <row r="465" spans="1:3" x14ac:dyDescent="0.25">
      <c r="A465" s="1">
        <v>41287</v>
      </c>
      <c r="B465">
        <v>0</v>
      </c>
      <c r="C465">
        <f t="shared" si="7"/>
        <v>1642.5999999999997</v>
      </c>
    </row>
    <row r="466" spans="1:3" x14ac:dyDescent="0.25">
      <c r="A466" s="1">
        <v>41288</v>
      </c>
      <c r="B466">
        <v>25.8</v>
      </c>
      <c r="C466">
        <f t="shared" si="7"/>
        <v>1668.3999999999996</v>
      </c>
    </row>
    <row r="467" spans="1:3" x14ac:dyDescent="0.25">
      <c r="A467" s="1">
        <v>41289</v>
      </c>
      <c r="B467">
        <v>5.2</v>
      </c>
      <c r="C467">
        <f t="shared" si="7"/>
        <v>1673.5999999999997</v>
      </c>
    </row>
    <row r="468" spans="1:3" x14ac:dyDescent="0.25">
      <c r="A468" s="1">
        <v>41290</v>
      </c>
      <c r="B468">
        <v>4.9000000000000004</v>
      </c>
      <c r="C468">
        <f t="shared" si="7"/>
        <v>1678.4999999999998</v>
      </c>
    </row>
    <row r="469" spans="1:3" x14ac:dyDescent="0.25">
      <c r="A469" s="1">
        <v>41291</v>
      </c>
      <c r="B469">
        <v>11.1</v>
      </c>
      <c r="C469">
        <f t="shared" si="7"/>
        <v>1689.5999999999997</v>
      </c>
    </row>
    <row r="470" spans="1:3" x14ac:dyDescent="0.25">
      <c r="A470" s="1">
        <v>41292</v>
      </c>
      <c r="B470">
        <v>4.9000000000000004</v>
      </c>
      <c r="C470">
        <f t="shared" si="7"/>
        <v>1694.4999999999998</v>
      </c>
    </row>
    <row r="471" spans="1:3" x14ac:dyDescent="0.25">
      <c r="A471" s="1">
        <v>41293</v>
      </c>
      <c r="B471">
        <v>0</v>
      </c>
      <c r="C471">
        <f t="shared" si="7"/>
        <v>1694.4999999999998</v>
      </c>
    </row>
    <row r="472" spans="1:3" x14ac:dyDescent="0.25">
      <c r="A472" s="1">
        <v>41294</v>
      </c>
      <c r="B472">
        <v>0</v>
      </c>
      <c r="C472">
        <f t="shared" si="7"/>
        <v>1694.4999999999998</v>
      </c>
    </row>
    <row r="473" spans="1:3" x14ac:dyDescent="0.25">
      <c r="A473" s="1">
        <v>41295</v>
      </c>
      <c r="B473">
        <v>18.2</v>
      </c>
      <c r="C473">
        <f t="shared" si="7"/>
        <v>1712.6999999999998</v>
      </c>
    </row>
    <row r="474" spans="1:3" x14ac:dyDescent="0.25">
      <c r="A474" s="1">
        <v>41296</v>
      </c>
      <c r="B474">
        <v>9.6999999999999993</v>
      </c>
      <c r="C474">
        <f t="shared" si="7"/>
        <v>1722.3999999999999</v>
      </c>
    </row>
    <row r="475" spans="1:3" x14ac:dyDescent="0.25">
      <c r="A475" s="1">
        <v>41297</v>
      </c>
      <c r="B475">
        <v>7.7</v>
      </c>
      <c r="C475">
        <f t="shared" si="7"/>
        <v>1730.1</v>
      </c>
    </row>
    <row r="476" spans="1:3" x14ac:dyDescent="0.25">
      <c r="A476" s="1">
        <v>41298</v>
      </c>
      <c r="B476">
        <v>1</v>
      </c>
      <c r="C476">
        <f t="shared" si="7"/>
        <v>1731.1</v>
      </c>
    </row>
    <row r="477" spans="1:3" x14ac:dyDescent="0.25">
      <c r="A477" s="1">
        <v>41299</v>
      </c>
      <c r="B477">
        <v>0</v>
      </c>
      <c r="C477">
        <f t="shared" si="7"/>
        <v>1731.1</v>
      </c>
    </row>
    <row r="478" spans="1:3" x14ac:dyDescent="0.25">
      <c r="A478" s="1">
        <v>41300</v>
      </c>
      <c r="B478">
        <v>0</v>
      </c>
      <c r="C478">
        <f t="shared" si="7"/>
        <v>1731.1</v>
      </c>
    </row>
    <row r="479" spans="1:3" x14ac:dyDescent="0.25">
      <c r="A479" s="1">
        <v>41301</v>
      </c>
      <c r="B479">
        <v>0</v>
      </c>
      <c r="C479">
        <f t="shared" si="7"/>
        <v>1731.1</v>
      </c>
    </row>
    <row r="480" spans="1:3" x14ac:dyDescent="0.25">
      <c r="A480" s="1">
        <v>41302</v>
      </c>
      <c r="B480">
        <v>0</v>
      </c>
      <c r="C480">
        <f t="shared" si="7"/>
        <v>1731.1</v>
      </c>
    </row>
    <row r="481" spans="1:3" x14ac:dyDescent="0.25">
      <c r="A481" s="1">
        <v>41303</v>
      </c>
      <c r="B481">
        <v>3.4</v>
      </c>
      <c r="C481">
        <f t="shared" si="7"/>
        <v>1734.5</v>
      </c>
    </row>
    <row r="482" spans="1:3" x14ac:dyDescent="0.25">
      <c r="A482" s="1">
        <v>41304</v>
      </c>
      <c r="B482">
        <v>0</v>
      </c>
      <c r="C482">
        <f t="shared" si="7"/>
        <v>1734.5</v>
      </c>
    </row>
    <row r="483" spans="1:3" x14ac:dyDescent="0.25">
      <c r="A483" s="1">
        <v>41305</v>
      </c>
      <c r="B483">
        <v>0</v>
      </c>
      <c r="C483">
        <f t="shared" si="7"/>
        <v>1734.5</v>
      </c>
    </row>
    <row r="484" spans="1:3" x14ac:dyDescent="0.25">
      <c r="A484" s="1">
        <v>41306</v>
      </c>
      <c r="B484">
        <v>0</v>
      </c>
      <c r="C484">
        <f t="shared" si="7"/>
        <v>1734.5</v>
      </c>
    </row>
    <row r="485" spans="1:3" x14ac:dyDescent="0.25">
      <c r="A485" s="1">
        <v>41307</v>
      </c>
      <c r="B485">
        <v>0</v>
      </c>
      <c r="C485">
        <f t="shared" si="7"/>
        <v>1734.5</v>
      </c>
    </row>
    <row r="486" spans="1:3" x14ac:dyDescent="0.25">
      <c r="A486" s="1">
        <v>41308</v>
      </c>
      <c r="B486">
        <v>0</v>
      </c>
      <c r="C486">
        <f t="shared" si="7"/>
        <v>1734.5</v>
      </c>
    </row>
    <row r="487" spans="1:3" x14ac:dyDescent="0.25">
      <c r="A487" s="1">
        <v>41309</v>
      </c>
      <c r="B487">
        <v>63.3</v>
      </c>
      <c r="C487">
        <f t="shared" si="7"/>
        <v>1797.8</v>
      </c>
    </row>
    <row r="488" spans="1:3" x14ac:dyDescent="0.25">
      <c r="A488" s="1">
        <v>41310</v>
      </c>
      <c r="B488">
        <v>0</v>
      </c>
      <c r="C488">
        <f t="shared" si="7"/>
        <v>1797.8</v>
      </c>
    </row>
    <row r="489" spans="1:3" x14ac:dyDescent="0.25">
      <c r="A489" s="1">
        <v>41311</v>
      </c>
      <c r="B489">
        <v>5.6</v>
      </c>
      <c r="C489">
        <f t="shared" si="7"/>
        <v>1803.3999999999999</v>
      </c>
    </row>
    <row r="490" spans="1:3" x14ac:dyDescent="0.25">
      <c r="A490" s="1">
        <v>41312</v>
      </c>
      <c r="B490">
        <v>25.2</v>
      </c>
      <c r="C490">
        <f t="shared" si="7"/>
        <v>1828.6</v>
      </c>
    </row>
    <row r="491" spans="1:3" x14ac:dyDescent="0.25">
      <c r="A491" s="1">
        <v>41313</v>
      </c>
      <c r="B491">
        <v>0</v>
      </c>
      <c r="C491">
        <f t="shared" si="7"/>
        <v>1828.6</v>
      </c>
    </row>
    <row r="492" spans="1:3" x14ac:dyDescent="0.25">
      <c r="A492" s="1">
        <v>41314</v>
      </c>
      <c r="B492">
        <v>0</v>
      </c>
      <c r="C492">
        <f t="shared" si="7"/>
        <v>1828.6</v>
      </c>
    </row>
    <row r="493" spans="1:3" x14ac:dyDescent="0.25">
      <c r="A493" s="1">
        <v>41315</v>
      </c>
      <c r="B493">
        <v>0</v>
      </c>
      <c r="C493">
        <f t="shared" si="7"/>
        <v>1828.6</v>
      </c>
    </row>
    <row r="494" spans="1:3" x14ac:dyDescent="0.25">
      <c r="A494" s="1">
        <v>41316</v>
      </c>
      <c r="B494">
        <v>3</v>
      </c>
      <c r="C494">
        <f t="shared" si="7"/>
        <v>1831.6</v>
      </c>
    </row>
    <row r="495" spans="1:3" x14ac:dyDescent="0.25">
      <c r="A495" s="1">
        <v>41317</v>
      </c>
      <c r="B495">
        <v>20.6</v>
      </c>
      <c r="C495">
        <f t="shared" si="7"/>
        <v>1852.1999999999998</v>
      </c>
    </row>
    <row r="496" spans="1:3" x14ac:dyDescent="0.25">
      <c r="A496" s="1">
        <v>41318</v>
      </c>
      <c r="B496">
        <v>0.9</v>
      </c>
      <c r="C496">
        <f t="shared" si="7"/>
        <v>1853.1</v>
      </c>
    </row>
    <row r="497" spans="1:3" x14ac:dyDescent="0.25">
      <c r="A497" s="1">
        <v>41319</v>
      </c>
      <c r="B497">
        <v>4.5999999999999996</v>
      </c>
      <c r="C497">
        <f t="shared" si="7"/>
        <v>1857.6999999999998</v>
      </c>
    </row>
    <row r="498" spans="1:3" x14ac:dyDescent="0.25">
      <c r="A498" s="1">
        <v>41320</v>
      </c>
      <c r="B498">
        <v>0</v>
      </c>
      <c r="C498">
        <f t="shared" si="7"/>
        <v>1857.6999999999998</v>
      </c>
    </row>
    <row r="499" spans="1:3" x14ac:dyDescent="0.25">
      <c r="A499" s="1">
        <v>41321</v>
      </c>
      <c r="B499">
        <v>0</v>
      </c>
      <c r="C499">
        <f t="shared" si="7"/>
        <v>1857.6999999999998</v>
      </c>
    </row>
    <row r="500" spans="1:3" x14ac:dyDescent="0.25">
      <c r="A500" s="1">
        <v>41322</v>
      </c>
      <c r="B500">
        <v>0</v>
      </c>
      <c r="C500">
        <f t="shared" si="7"/>
        <v>1857.6999999999998</v>
      </c>
    </row>
    <row r="501" spans="1:3" x14ac:dyDescent="0.25">
      <c r="A501" s="1">
        <v>41323</v>
      </c>
      <c r="B501">
        <v>0.2</v>
      </c>
      <c r="C501">
        <f t="shared" si="7"/>
        <v>1857.8999999999999</v>
      </c>
    </row>
    <row r="502" spans="1:3" x14ac:dyDescent="0.25">
      <c r="A502" s="1">
        <v>41324</v>
      </c>
      <c r="B502">
        <v>0</v>
      </c>
      <c r="C502">
        <f t="shared" si="7"/>
        <v>1857.8999999999999</v>
      </c>
    </row>
    <row r="503" spans="1:3" x14ac:dyDescent="0.25">
      <c r="A503" s="1">
        <v>41325</v>
      </c>
      <c r="B503">
        <v>0</v>
      </c>
      <c r="C503">
        <f t="shared" si="7"/>
        <v>1857.8999999999999</v>
      </c>
    </row>
    <row r="504" spans="1:3" x14ac:dyDescent="0.25">
      <c r="A504" s="1">
        <v>41326</v>
      </c>
      <c r="B504">
        <v>0.9</v>
      </c>
      <c r="C504">
        <f t="shared" si="7"/>
        <v>1858.8</v>
      </c>
    </row>
    <row r="505" spans="1:3" x14ac:dyDescent="0.25">
      <c r="A505" s="1">
        <v>41327</v>
      </c>
      <c r="B505">
        <v>10.7</v>
      </c>
      <c r="C505">
        <f t="shared" si="7"/>
        <v>1869.5</v>
      </c>
    </row>
    <row r="506" spans="1:3" x14ac:dyDescent="0.25">
      <c r="A506" s="1">
        <v>41328</v>
      </c>
      <c r="B506">
        <v>0</v>
      </c>
      <c r="C506">
        <f t="shared" si="7"/>
        <v>1869.5</v>
      </c>
    </row>
    <row r="507" spans="1:3" x14ac:dyDescent="0.25">
      <c r="A507" s="1">
        <v>41329</v>
      </c>
      <c r="B507">
        <v>0</v>
      </c>
      <c r="C507">
        <f t="shared" si="7"/>
        <v>1869.5</v>
      </c>
    </row>
    <row r="508" spans="1:3" x14ac:dyDescent="0.25">
      <c r="A508" s="1">
        <v>41330</v>
      </c>
      <c r="B508">
        <v>57.4</v>
      </c>
      <c r="C508">
        <f t="shared" si="7"/>
        <v>1926.9</v>
      </c>
    </row>
    <row r="509" spans="1:3" x14ac:dyDescent="0.25">
      <c r="A509" s="1">
        <v>41331</v>
      </c>
      <c r="B509">
        <v>0.1</v>
      </c>
      <c r="C509">
        <f t="shared" si="7"/>
        <v>1927</v>
      </c>
    </row>
    <row r="510" spans="1:3" x14ac:dyDescent="0.25">
      <c r="A510" s="1">
        <v>41332</v>
      </c>
      <c r="B510">
        <v>4.4000000000000004</v>
      </c>
      <c r="C510">
        <f t="shared" si="7"/>
        <v>1931.4</v>
      </c>
    </row>
    <row r="511" spans="1:3" x14ac:dyDescent="0.25">
      <c r="A511" s="1">
        <v>41333</v>
      </c>
      <c r="B511">
        <v>0.8</v>
      </c>
      <c r="C511">
        <f t="shared" si="7"/>
        <v>1932.2</v>
      </c>
    </row>
    <row r="512" spans="1:3" x14ac:dyDescent="0.25">
      <c r="A512" s="1">
        <v>41334</v>
      </c>
      <c r="B512">
        <v>0</v>
      </c>
      <c r="C512">
        <f t="shared" si="7"/>
        <v>1932.2</v>
      </c>
    </row>
    <row r="513" spans="1:3" x14ac:dyDescent="0.25">
      <c r="A513" s="1">
        <v>41335</v>
      </c>
      <c r="B513">
        <v>0</v>
      </c>
      <c r="C513">
        <f t="shared" si="7"/>
        <v>1932.2</v>
      </c>
    </row>
    <row r="514" spans="1:3" x14ac:dyDescent="0.25">
      <c r="A514" s="1">
        <v>41336</v>
      </c>
      <c r="B514">
        <v>0</v>
      </c>
      <c r="C514">
        <f t="shared" si="7"/>
        <v>1932.2</v>
      </c>
    </row>
    <row r="515" spans="1:3" x14ac:dyDescent="0.25">
      <c r="A515" s="1">
        <v>41337</v>
      </c>
      <c r="B515">
        <v>0</v>
      </c>
      <c r="C515">
        <f t="shared" si="7"/>
        <v>1932.2</v>
      </c>
    </row>
    <row r="516" spans="1:3" x14ac:dyDescent="0.25">
      <c r="A516" s="1">
        <v>41338</v>
      </c>
      <c r="B516">
        <v>0</v>
      </c>
      <c r="C516">
        <f t="shared" si="7"/>
        <v>1932.2</v>
      </c>
    </row>
    <row r="517" spans="1:3" x14ac:dyDescent="0.25">
      <c r="A517" s="1">
        <v>41339</v>
      </c>
      <c r="B517">
        <v>0.6</v>
      </c>
      <c r="C517">
        <f t="shared" ref="C517:C580" si="8">B517+C516</f>
        <v>1932.8</v>
      </c>
    </row>
    <row r="518" spans="1:3" x14ac:dyDescent="0.25">
      <c r="A518" s="1">
        <v>41340</v>
      </c>
      <c r="B518">
        <v>11.8</v>
      </c>
      <c r="C518">
        <f t="shared" si="8"/>
        <v>1944.6</v>
      </c>
    </row>
    <row r="519" spans="1:3" x14ac:dyDescent="0.25">
      <c r="A519" s="1">
        <v>41341</v>
      </c>
      <c r="B519">
        <v>3.3</v>
      </c>
      <c r="C519">
        <f t="shared" si="8"/>
        <v>1947.8999999999999</v>
      </c>
    </row>
    <row r="520" spans="1:3" x14ac:dyDescent="0.25">
      <c r="A520" s="1">
        <v>41342</v>
      </c>
      <c r="B520">
        <v>0</v>
      </c>
      <c r="C520">
        <f t="shared" si="8"/>
        <v>1947.8999999999999</v>
      </c>
    </row>
    <row r="521" spans="1:3" x14ac:dyDescent="0.25">
      <c r="A521" s="1">
        <v>41343</v>
      </c>
      <c r="B521">
        <v>0</v>
      </c>
      <c r="C521">
        <f t="shared" si="8"/>
        <v>1947.8999999999999</v>
      </c>
    </row>
    <row r="522" spans="1:3" x14ac:dyDescent="0.25">
      <c r="A522" s="1">
        <v>41344</v>
      </c>
      <c r="B522">
        <v>20.3</v>
      </c>
      <c r="C522">
        <f t="shared" si="8"/>
        <v>1968.1999999999998</v>
      </c>
    </row>
    <row r="523" spans="1:3" x14ac:dyDescent="0.25">
      <c r="A523" s="1">
        <v>41345</v>
      </c>
      <c r="B523">
        <v>0</v>
      </c>
      <c r="C523">
        <f t="shared" si="8"/>
        <v>1968.1999999999998</v>
      </c>
    </row>
    <row r="524" spans="1:3" x14ac:dyDescent="0.25">
      <c r="A524" s="1">
        <v>41346</v>
      </c>
      <c r="B524">
        <v>2.5</v>
      </c>
      <c r="C524">
        <f t="shared" si="8"/>
        <v>1970.6999999999998</v>
      </c>
    </row>
    <row r="525" spans="1:3" x14ac:dyDescent="0.25">
      <c r="A525" s="1">
        <v>41347</v>
      </c>
      <c r="B525">
        <v>15.9</v>
      </c>
      <c r="C525">
        <f t="shared" si="8"/>
        <v>1986.6</v>
      </c>
    </row>
    <row r="526" spans="1:3" x14ac:dyDescent="0.25">
      <c r="A526" s="1">
        <v>41348</v>
      </c>
      <c r="B526">
        <v>9.1</v>
      </c>
      <c r="C526">
        <f t="shared" si="8"/>
        <v>1995.6999999999998</v>
      </c>
    </row>
    <row r="527" spans="1:3" x14ac:dyDescent="0.25">
      <c r="A527" s="1">
        <v>41349</v>
      </c>
      <c r="B527">
        <v>0</v>
      </c>
      <c r="C527">
        <f t="shared" si="8"/>
        <v>1995.6999999999998</v>
      </c>
    </row>
    <row r="528" spans="1:3" x14ac:dyDescent="0.25">
      <c r="A528" s="1">
        <v>41350</v>
      </c>
      <c r="B528">
        <v>0</v>
      </c>
      <c r="C528">
        <f t="shared" si="8"/>
        <v>1995.6999999999998</v>
      </c>
    </row>
    <row r="529" spans="1:3" x14ac:dyDescent="0.25">
      <c r="A529" s="1">
        <v>41351</v>
      </c>
      <c r="B529">
        <v>3.9</v>
      </c>
      <c r="C529">
        <f t="shared" si="8"/>
        <v>1999.6</v>
      </c>
    </row>
    <row r="530" spans="1:3" x14ac:dyDescent="0.25">
      <c r="A530" s="1">
        <v>41352</v>
      </c>
      <c r="B530">
        <v>49.5</v>
      </c>
      <c r="C530">
        <f t="shared" si="8"/>
        <v>2049.1</v>
      </c>
    </row>
    <row r="531" spans="1:3" x14ac:dyDescent="0.25">
      <c r="A531" s="1">
        <v>41353</v>
      </c>
      <c r="B531">
        <v>0</v>
      </c>
      <c r="C531">
        <f t="shared" si="8"/>
        <v>2049.1</v>
      </c>
    </row>
    <row r="532" spans="1:3" x14ac:dyDescent="0.25">
      <c r="A532" s="1">
        <v>41354</v>
      </c>
      <c r="B532">
        <v>2.5</v>
      </c>
      <c r="C532">
        <f t="shared" si="8"/>
        <v>2051.6</v>
      </c>
    </row>
    <row r="533" spans="1:3" x14ac:dyDescent="0.25">
      <c r="A533" s="1">
        <v>41355</v>
      </c>
      <c r="B533">
        <v>0</v>
      </c>
      <c r="C533">
        <f t="shared" si="8"/>
        <v>2051.6</v>
      </c>
    </row>
    <row r="534" spans="1:3" x14ac:dyDescent="0.25">
      <c r="A534" s="1">
        <v>41356</v>
      </c>
      <c r="B534">
        <v>0</v>
      </c>
      <c r="C534">
        <f t="shared" si="8"/>
        <v>2051.6</v>
      </c>
    </row>
    <row r="535" spans="1:3" x14ac:dyDescent="0.25">
      <c r="A535" s="1">
        <v>41357</v>
      </c>
      <c r="B535">
        <v>0</v>
      </c>
      <c r="C535">
        <f t="shared" si="8"/>
        <v>2051.6</v>
      </c>
    </row>
    <row r="536" spans="1:3" x14ac:dyDescent="0.25">
      <c r="A536" s="1">
        <v>41358</v>
      </c>
      <c r="B536">
        <v>9.1999999999999993</v>
      </c>
      <c r="C536">
        <f t="shared" si="8"/>
        <v>2060.7999999999997</v>
      </c>
    </row>
    <row r="537" spans="1:3" x14ac:dyDescent="0.25">
      <c r="A537" s="1">
        <v>41359</v>
      </c>
      <c r="B537">
        <v>10</v>
      </c>
      <c r="C537">
        <f t="shared" si="8"/>
        <v>2070.7999999999997</v>
      </c>
    </row>
    <row r="538" spans="1:3" x14ac:dyDescent="0.25">
      <c r="A538" s="1">
        <v>41360</v>
      </c>
      <c r="B538">
        <v>1.8</v>
      </c>
      <c r="C538">
        <f t="shared" si="8"/>
        <v>2072.6</v>
      </c>
    </row>
    <row r="539" spans="1:3" x14ac:dyDescent="0.25">
      <c r="A539" s="1">
        <v>41361</v>
      </c>
      <c r="B539">
        <v>0</v>
      </c>
      <c r="C539">
        <f t="shared" si="8"/>
        <v>2072.6</v>
      </c>
    </row>
    <row r="540" spans="1:3" x14ac:dyDescent="0.25">
      <c r="A540" s="1">
        <v>41362</v>
      </c>
      <c r="B540">
        <v>15.8</v>
      </c>
      <c r="C540">
        <f t="shared" si="8"/>
        <v>2088.4</v>
      </c>
    </row>
    <row r="541" spans="1:3" x14ac:dyDescent="0.25">
      <c r="A541" s="1">
        <v>41363</v>
      </c>
      <c r="B541">
        <v>0</v>
      </c>
      <c r="C541">
        <f t="shared" si="8"/>
        <v>2088.4</v>
      </c>
    </row>
    <row r="542" spans="1:3" x14ac:dyDescent="0.25">
      <c r="A542" s="1">
        <v>41364</v>
      </c>
      <c r="B542">
        <v>0</v>
      </c>
      <c r="C542">
        <f t="shared" si="8"/>
        <v>2088.4</v>
      </c>
    </row>
    <row r="543" spans="1:3" x14ac:dyDescent="0.25">
      <c r="A543" s="1">
        <v>41365</v>
      </c>
      <c r="B543">
        <v>0</v>
      </c>
      <c r="C543">
        <f t="shared" si="8"/>
        <v>2088.4</v>
      </c>
    </row>
    <row r="544" spans="1:3" x14ac:dyDescent="0.25">
      <c r="A544" s="1">
        <v>41366</v>
      </c>
      <c r="B544">
        <v>61.4</v>
      </c>
      <c r="C544">
        <f t="shared" si="8"/>
        <v>2149.8000000000002</v>
      </c>
    </row>
    <row r="545" spans="1:3" x14ac:dyDescent="0.25">
      <c r="A545" s="1">
        <v>41367</v>
      </c>
      <c r="B545">
        <v>9.6</v>
      </c>
      <c r="C545">
        <f t="shared" si="8"/>
        <v>2159.4</v>
      </c>
    </row>
    <row r="546" spans="1:3" x14ac:dyDescent="0.25">
      <c r="A546" s="1">
        <v>41368</v>
      </c>
      <c r="B546">
        <v>0.6</v>
      </c>
      <c r="C546">
        <f t="shared" si="8"/>
        <v>2160</v>
      </c>
    </row>
    <row r="547" spans="1:3" x14ac:dyDescent="0.25">
      <c r="A547" s="1">
        <v>41369</v>
      </c>
      <c r="B547">
        <v>1.7</v>
      </c>
      <c r="C547">
        <f t="shared" si="8"/>
        <v>2161.6999999999998</v>
      </c>
    </row>
    <row r="548" spans="1:3" x14ac:dyDescent="0.25">
      <c r="A548" s="1">
        <v>41370</v>
      </c>
      <c r="B548">
        <v>0</v>
      </c>
      <c r="C548">
        <f t="shared" si="8"/>
        <v>2161.6999999999998</v>
      </c>
    </row>
    <row r="549" spans="1:3" x14ac:dyDescent="0.25">
      <c r="A549" s="1">
        <v>41371</v>
      </c>
      <c r="B549">
        <v>0</v>
      </c>
      <c r="C549">
        <f t="shared" si="8"/>
        <v>2161.6999999999998</v>
      </c>
    </row>
    <row r="550" spans="1:3" x14ac:dyDescent="0.25">
      <c r="A550" s="1">
        <v>41372</v>
      </c>
      <c r="B550">
        <v>11.7</v>
      </c>
      <c r="C550">
        <f t="shared" si="8"/>
        <v>2173.3999999999996</v>
      </c>
    </row>
    <row r="551" spans="1:3" x14ac:dyDescent="0.25">
      <c r="A551" s="1">
        <v>41373</v>
      </c>
      <c r="B551">
        <v>0.4</v>
      </c>
      <c r="C551">
        <f t="shared" si="8"/>
        <v>2173.7999999999997</v>
      </c>
    </row>
    <row r="552" spans="1:3" x14ac:dyDescent="0.25">
      <c r="A552" s="1">
        <v>41374</v>
      </c>
      <c r="B552">
        <v>0.8</v>
      </c>
      <c r="C552">
        <f t="shared" si="8"/>
        <v>2174.6</v>
      </c>
    </row>
    <row r="553" spans="1:3" x14ac:dyDescent="0.25">
      <c r="A553" s="1">
        <v>41375</v>
      </c>
      <c r="B553">
        <v>0</v>
      </c>
      <c r="C553">
        <f t="shared" si="8"/>
        <v>2174.6</v>
      </c>
    </row>
    <row r="554" spans="1:3" x14ac:dyDescent="0.25">
      <c r="A554" s="1">
        <v>41376</v>
      </c>
      <c r="B554">
        <v>0</v>
      </c>
      <c r="C554">
        <f t="shared" si="8"/>
        <v>2174.6</v>
      </c>
    </row>
    <row r="555" spans="1:3" x14ac:dyDescent="0.25">
      <c r="A555" s="1">
        <v>41377</v>
      </c>
      <c r="B555">
        <v>0</v>
      </c>
      <c r="C555">
        <f t="shared" si="8"/>
        <v>2174.6</v>
      </c>
    </row>
    <row r="556" spans="1:3" x14ac:dyDescent="0.25">
      <c r="A556" s="1">
        <v>41378</v>
      </c>
      <c r="B556">
        <v>0</v>
      </c>
      <c r="C556">
        <f t="shared" si="8"/>
        <v>2174.6</v>
      </c>
    </row>
    <row r="557" spans="1:3" x14ac:dyDescent="0.25">
      <c r="A557" s="1">
        <v>41379</v>
      </c>
      <c r="B557">
        <v>16.100000000000001</v>
      </c>
      <c r="C557">
        <f t="shared" si="8"/>
        <v>2190.6999999999998</v>
      </c>
    </row>
    <row r="558" spans="1:3" x14ac:dyDescent="0.25">
      <c r="A558" s="1">
        <v>41380</v>
      </c>
      <c r="B558">
        <v>0</v>
      </c>
      <c r="C558">
        <f t="shared" si="8"/>
        <v>2190.6999999999998</v>
      </c>
    </row>
    <row r="559" spans="1:3" x14ac:dyDescent="0.25">
      <c r="A559" s="1">
        <v>41381</v>
      </c>
      <c r="B559">
        <v>0</v>
      </c>
      <c r="C559">
        <f t="shared" si="8"/>
        <v>2190.6999999999998</v>
      </c>
    </row>
    <row r="560" spans="1:3" x14ac:dyDescent="0.25">
      <c r="A560" s="1">
        <v>41382</v>
      </c>
      <c r="B560">
        <v>0</v>
      </c>
      <c r="C560">
        <f t="shared" si="8"/>
        <v>2190.6999999999998</v>
      </c>
    </row>
    <row r="561" spans="1:3" x14ac:dyDescent="0.25">
      <c r="A561" s="1">
        <v>41383</v>
      </c>
      <c r="B561">
        <v>0</v>
      </c>
      <c r="C561">
        <f t="shared" si="8"/>
        <v>2190.6999999999998</v>
      </c>
    </row>
    <row r="562" spans="1:3" x14ac:dyDescent="0.25">
      <c r="A562" s="1">
        <v>41384</v>
      </c>
      <c r="B562">
        <v>0</v>
      </c>
      <c r="C562">
        <f t="shared" si="8"/>
        <v>2190.6999999999998</v>
      </c>
    </row>
    <row r="563" spans="1:3" x14ac:dyDescent="0.25">
      <c r="A563" s="1">
        <v>41385</v>
      </c>
      <c r="B563">
        <v>0</v>
      </c>
      <c r="C563">
        <f t="shared" si="8"/>
        <v>2190.6999999999998</v>
      </c>
    </row>
    <row r="564" spans="1:3" x14ac:dyDescent="0.25">
      <c r="A564" s="1">
        <v>41386</v>
      </c>
      <c r="B564">
        <v>7</v>
      </c>
      <c r="C564">
        <f t="shared" si="8"/>
        <v>2197.6999999999998</v>
      </c>
    </row>
    <row r="565" spans="1:3" x14ac:dyDescent="0.25">
      <c r="A565" s="1">
        <v>41387</v>
      </c>
      <c r="B565">
        <v>3.3</v>
      </c>
      <c r="C565">
        <f t="shared" si="8"/>
        <v>2201</v>
      </c>
    </row>
    <row r="566" spans="1:3" x14ac:dyDescent="0.25">
      <c r="A566" s="1">
        <v>41388</v>
      </c>
      <c r="B566">
        <v>0</v>
      </c>
      <c r="C566">
        <f t="shared" si="8"/>
        <v>2201</v>
      </c>
    </row>
    <row r="567" spans="1:3" x14ac:dyDescent="0.25">
      <c r="A567" s="1">
        <v>41389</v>
      </c>
      <c r="B567">
        <v>0</v>
      </c>
      <c r="C567">
        <f t="shared" si="8"/>
        <v>2201</v>
      </c>
    </row>
    <row r="568" spans="1:3" x14ac:dyDescent="0.25">
      <c r="A568" s="1">
        <v>41390</v>
      </c>
      <c r="B568">
        <v>0</v>
      </c>
      <c r="C568">
        <f t="shared" si="8"/>
        <v>2201</v>
      </c>
    </row>
    <row r="569" spans="1:3" x14ac:dyDescent="0.25">
      <c r="A569" s="1">
        <v>41391</v>
      </c>
      <c r="B569">
        <v>0</v>
      </c>
      <c r="C569">
        <f t="shared" si="8"/>
        <v>2201</v>
      </c>
    </row>
    <row r="570" spans="1:3" x14ac:dyDescent="0.25">
      <c r="A570" s="1">
        <v>41392</v>
      </c>
      <c r="B570">
        <v>0</v>
      </c>
      <c r="C570">
        <f t="shared" si="8"/>
        <v>2201</v>
      </c>
    </row>
    <row r="571" spans="1:3" x14ac:dyDescent="0.25">
      <c r="A571" s="1">
        <v>41393</v>
      </c>
      <c r="B571">
        <v>0</v>
      </c>
      <c r="C571">
        <f t="shared" si="8"/>
        <v>2201</v>
      </c>
    </row>
    <row r="572" spans="1:3" x14ac:dyDescent="0.25">
      <c r="A572" s="1">
        <v>41394</v>
      </c>
      <c r="B572">
        <v>0</v>
      </c>
      <c r="C572">
        <f t="shared" si="8"/>
        <v>2201</v>
      </c>
    </row>
    <row r="573" spans="1:3" x14ac:dyDescent="0.25">
      <c r="A573" s="1">
        <v>41395</v>
      </c>
      <c r="B573">
        <v>0</v>
      </c>
      <c r="C573">
        <f t="shared" si="8"/>
        <v>2201</v>
      </c>
    </row>
    <row r="574" spans="1:3" x14ac:dyDescent="0.25">
      <c r="A574" s="1">
        <v>41396</v>
      </c>
      <c r="B574">
        <v>0</v>
      </c>
      <c r="C574">
        <f t="shared" si="8"/>
        <v>2201</v>
      </c>
    </row>
    <row r="575" spans="1:3" x14ac:dyDescent="0.25">
      <c r="A575" s="1">
        <v>41397</v>
      </c>
      <c r="B575">
        <v>0</v>
      </c>
      <c r="C575">
        <f t="shared" si="8"/>
        <v>2201</v>
      </c>
    </row>
    <row r="576" spans="1:3" x14ac:dyDescent="0.25">
      <c r="A576" s="1">
        <v>41398</v>
      </c>
      <c r="B576">
        <v>0</v>
      </c>
      <c r="C576">
        <f t="shared" si="8"/>
        <v>2201</v>
      </c>
    </row>
    <row r="577" spans="1:3" x14ac:dyDescent="0.25">
      <c r="A577" s="1">
        <v>41399</v>
      </c>
      <c r="B577">
        <v>0</v>
      </c>
      <c r="C577">
        <f t="shared" si="8"/>
        <v>2201</v>
      </c>
    </row>
    <row r="578" spans="1:3" x14ac:dyDescent="0.25">
      <c r="A578" s="1">
        <v>41400</v>
      </c>
      <c r="B578">
        <v>25</v>
      </c>
      <c r="C578">
        <f t="shared" si="8"/>
        <v>2226</v>
      </c>
    </row>
    <row r="579" spans="1:3" x14ac:dyDescent="0.25">
      <c r="A579" s="1">
        <v>41401</v>
      </c>
      <c r="B579">
        <v>17.5</v>
      </c>
      <c r="C579">
        <f t="shared" si="8"/>
        <v>2243.5</v>
      </c>
    </row>
    <row r="580" spans="1:3" x14ac:dyDescent="0.25">
      <c r="A580" s="1">
        <v>41402</v>
      </c>
      <c r="B580">
        <v>0.6</v>
      </c>
      <c r="C580">
        <f t="shared" si="8"/>
        <v>2244.1</v>
      </c>
    </row>
    <row r="581" spans="1:3" x14ac:dyDescent="0.25">
      <c r="A581" s="1">
        <v>41403</v>
      </c>
      <c r="B581">
        <v>0</v>
      </c>
      <c r="C581">
        <f t="shared" ref="C581:C644" si="9">B581+C580</f>
        <v>2244.1</v>
      </c>
    </row>
    <row r="582" spans="1:3" x14ac:dyDescent="0.25">
      <c r="A582" s="1">
        <v>41404</v>
      </c>
      <c r="B582">
        <v>0</v>
      </c>
      <c r="C582">
        <f t="shared" si="9"/>
        <v>2244.1</v>
      </c>
    </row>
    <row r="583" spans="1:3" x14ac:dyDescent="0.25">
      <c r="A583" s="1">
        <v>41405</v>
      </c>
      <c r="B583">
        <v>0</v>
      </c>
      <c r="C583">
        <f t="shared" si="9"/>
        <v>2244.1</v>
      </c>
    </row>
    <row r="584" spans="1:3" x14ac:dyDescent="0.25">
      <c r="A584" s="1">
        <v>41406</v>
      </c>
      <c r="B584">
        <v>0</v>
      </c>
      <c r="C584">
        <f t="shared" si="9"/>
        <v>2244.1</v>
      </c>
    </row>
    <row r="585" spans="1:3" x14ac:dyDescent="0.25">
      <c r="A585" s="1">
        <v>41407</v>
      </c>
      <c r="B585">
        <v>69.8</v>
      </c>
      <c r="C585">
        <f t="shared" si="9"/>
        <v>2313.9</v>
      </c>
    </row>
    <row r="586" spans="1:3" x14ac:dyDescent="0.25">
      <c r="A586" s="1">
        <v>41408</v>
      </c>
      <c r="B586">
        <v>0</v>
      </c>
      <c r="C586">
        <f t="shared" si="9"/>
        <v>2313.9</v>
      </c>
    </row>
    <row r="587" spans="1:3" x14ac:dyDescent="0.25">
      <c r="A587" s="1">
        <v>41409</v>
      </c>
      <c r="B587">
        <v>0</v>
      </c>
      <c r="C587">
        <f t="shared" si="9"/>
        <v>2313.9</v>
      </c>
    </row>
    <row r="588" spans="1:3" x14ac:dyDescent="0.25">
      <c r="A588" s="1">
        <v>41410</v>
      </c>
      <c r="B588">
        <v>0</v>
      </c>
      <c r="C588">
        <f t="shared" si="9"/>
        <v>2313.9</v>
      </c>
    </row>
    <row r="589" spans="1:3" x14ac:dyDescent="0.25">
      <c r="A589" s="1">
        <v>41411</v>
      </c>
      <c r="B589">
        <v>8.8000000000000007</v>
      </c>
      <c r="C589">
        <f t="shared" si="9"/>
        <v>2322.7000000000003</v>
      </c>
    </row>
    <row r="590" spans="1:3" x14ac:dyDescent="0.25">
      <c r="A590" s="1">
        <v>41412</v>
      </c>
      <c r="B590">
        <v>0</v>
      </c>
      <c r="C590">
        <f t="shared" si="9"/>
        <v>2322.7000000000003</v>
      </c>
    </row>
    <row r="591" spans="1:3" x14ac:dyDescent="0.25">
      <c r="A591" s="1">
        <v>41413</v>
      </c>
      <c r="B591">
        <v>0</v>
      </c>
      <c r="C591">
        <f t="shared" si="9"/>
        <v>2322.7000000000003</v>
      </c>
    </row>
    <row r="592" spans="1:3" x14ac:dyDescent="0.25">
      <c r="A592" s="1">
        <v>41414</v>
      </c>
      <c r="B592">
        <v>15.2</v>
      </c>
      <c r="C592">
        <f t="shared" si="9"/>
        <v>2337.9</v>
      </c>
    </row>
    <row r="593" spans="1:3" x14ac:dyDescent="0.25">
      <c r="A593" s="1">
        <v>41415</v>
      </c>
      <c r="B593">
        <v>8.6999999999999993</v>
      </c>
      <c r="C593">
        <f t="shared" si="9"/>
        <v>2346.6</v>
      </c>
    </row>
    <row r="594" spans="1:3" x14ac:dyDescent="0.25">
      <c r="A594" s="1">
        <v>41416</v>
      </c>
      <c r="B594">
        <v>0</v>
      </c>
      <c r="C594">
        <f t="shared" si="9"/>
        <v>2346.6</v>
      </c>
    </row>
    <row r="595" spans="1:3" x14ac:dyDescent="0.25">
      <c r="A595" s="1">
        <v>41417</v>
      </c>
      <c r="B595">
        <v>2.5</v>
      </c>
      <c r="C595">
        <f t="shared" si="9"/>
        <v>2349.1</v>
      </c>
    </row>
    <row r="596" spans="1:3" x14ac:dyDescent="0.25">
      <c r="A596" s="1">
        <v>41418</v>
      </c>
      <c r="B596">
        <v>7.9</v>
      </c>
      <c r="C596">
        <f t="shared" si="9"/>
        <v>2357</v>
      </c>
    </row>
    <row r="597" spans="1:3" x14ac:dyDescent="0.25">
      <c r="A597" s="1">
        <v>41419</v>
      </c>
      <c r="B597">
        <v>0</v>
      </c>
      <c r="C597">
        <f t="shared" si="9"/>
        <v>2357</v>
      </c>
    </row>
    <row r="598" spans="1:3" x14ac:dyDescent="0.25">
      <c r="A598" s="1">
        <v>41420</v>
      </c>
      <c r="B598">
        <v>0</v>
      </c>
      <c r="C598">
        <f t="shared" si="9"/>
        <v>2357</v>
      </c>
    </row>
    <row r="599" spans="1:3" x14ac:dyDescent="0.25">
      <c r="A599" s="1">
        <v>41421</v>
      </c>
      <c r="B599">
        <v>30.8</v>
      </c>
      <c r="C599">
        <f t="shared" si="9"/>
        <v>2387.8000000000002</v>
      </c>
    </row>
    <row r="600" spans="1:3" x14ac:dyDescent="0.25">
      <c r="A600" s="1">
        <v>41422</v>
      </c>
      <c r="B600">
        <v>0</v>
      </c>
      <c r="C600">
        <f t="shared" si="9"/>
        <v>2387.8000000000002</v>
      </c>
    </row>
    <row r="601" spans="1:3" x14ac:dyDescent="0.25">
      <c r="A601" s="1">
        <v>41423</v>
      </c>
      <c r="B601">
        <v>0</v>
      </c>
      <c r="C601">
        <f t="shared" si="9"/>
        <v>2387.8000000000002</v>
      </c>
    </row>
    <row r="602" spans="1:3" x14ac:dyDescent="0.25">
      <c r="A602" s="1">
        <v>41424</v>
      </c>
      <c r="B602">
        <v>3.3</v>
      </c>
      <c r="C602">
        <f t="shared" si="9"/>
        <v>2391.1000000000004</v>
      </c>
    </row>
    <row r="603" spans="1:3" x14ac:dyDescent="0.25">
      <c r="A603" s="1">
        <v>41425</v>
      </c>
      <c r="B603">
        <v>20</v>
      </c>
      <c r="C603">
        <f t="shared" si="9"/>
        <v>2411.1000000000004</v>
      </c>
    </row>
    <row r="604" spans="1:3" x14ac:dyDescent="0.25">
      <c r="A604" s="1">
        <v>41426</v>
      </c>
      <c r="B604">
        <v>0</v>
      </c>
      <c r="C604">
        <f t="shared" si="9"/>
        <v>2411.1000000000004</v>
      </c>
    </row>
    <row r="605" spans="1:3" x14ac:dyDescent="0.25">
      <c r="A605" s="1">
        <v>41427</v>
      </c>
      <c r="B605">
        <v>0</v>
      </c>
      <c r="C605">
        <f t="shared" si="9"/>
        <v>2411.1000000000004</v>
      </c>
    </row>
    <row r="606" spans="1:3" x14ac:dyDescent="0.25">
      <c r="A606" s="1">
        <v>41428</v>
      </c>
      <c r="B606">
        <v>10.1</v>
      </c>
      <c r="C606">
        <f t="shared" si="9"/>
        <v>2421.2000000000003</v>
      </c>
    </row>
    <row r="607" spans="1:3" x14ac:dyDescent="0.25">
      <c r="A607" s="1">
        <v>41429</v>
      </c>
      <c r="B607">
        <v>0</v>
      </c>
      <c r="C607">
        <f t="shared" si="9"/>
        <v>2421.2000000000003</v>
      </c>
    </row>
    <row r="608" spans="1:3" x14ac:dyDescent="0.25">
      <c r="A608" s="1">
        <v>41430</v>
      </c>
      <c r="B608">
        <v>0</v>
      </c>
      <c r="C608">
        <f t="shared" si="9"/>
        <v>2421.2000000000003</v>
      </c>
    </row>
    <row r="609" spans="1:3" x14ac:dyDescent="0.25">
      <c r="A609" s="1">
        <v>41431</v>
      </c>
      <c r="B609">
        <v>0.3</v>
      </c>
      <c r="C609">
        <f t="shared" si="9"/>
        <v>2421.5000000000005</v>
      </c>
    </row>
    <row r="610" spans="1:3" x14ac:dyDescent="0.25">
      <c r="A610" s="1">
        <v>41432</v>
      </c>
      <c r="B610">
        <v>1.5</v>
      </c>
      <c r="C610">
        <f t="shared" si="9"/>
        <v>2423.0000000000005</v>
      </c>
    </row>
    <row r="611" spans="1:3" x14ac:dyDescent="0.25">
      <c r="A611" s="1">
        <v>41433</v>
      </c>
      <c r="B611">
        <v>0</v>
      </c>
      <c r="C611">
        <f t="shared" si="9"/>
        <v>2423.0000000000005</v>
      </c>
    </row>
    <row r="612" spans="1:3" x14ac:dyDescent="0.25">
      <c r="A612" s="1">
        <v>41434</v>
      </c>
      <c r="B612">
        <v>0</v>
      </c>
      <c r="C612">
        <f t="shared" si="9"/>
        <v>2423.0000000000005</v>
      </c>
    </row>
    <row r="613" spans="1:3" x14ac:dyDescent="0.25">
      <c r="A613" s="1">
        <v>41435</v>
      </c>
      <c r="B613">
        <v>47.5</v>
      </c>
      <c r="C613">
        <f t="shared" si="9"/>
        <v>2470.5000000000005</v>
      </c>
    </row>
    <row r="614" spans="1:3" x14ac:dyDescent="0.25">
      <c r="A614" s="1">
        <v>41436</v>
      </c>
      <c r="B614">
        <v>0</v>
      </c>
      <c r="C614">
        <f t="shared" si="9"/>
        <v>2470.5000000000005</v>
      </c>
    </row>
    <row r="615" spans="1:3" x14ac:dyDescent="0.25">
      <c r="A615" s="1">
        <v>41437</v>
      </c>
      <c r="B615">
        <v>0.2</v>
      </c>
      <c r="C615">
        <f t="shared" si="9"/>
        <v>2470.7000000000003</v>
      </c>
    </row>
    <row r="616" spans="1:3" x14ac:dyDescent="0.25">
      <c r="A616" s="1">
        <v>41438</v>
      </c>
      <c r="B616">
        <v>0</v>
      </c>
      <c r="C616">
        <f t="shared" si="9"/>
        <v>2470.7000000000003</v>
      </c>
    </row>
    <row r="617" spans="1:3" x14ac:dyDescent="0.25">
      <c r="A617" s="1">
        <v>41439</v>
      </c>
      <c r="B617">
        <v>0</v>
      </c>
      <c r="C617">
        <f t="shared" si="9"/>
        <v>2470.7000000000003</v>
      </c>
    </row>
    <row r="618" spans="1:3" x14ac:dyDescent="0.25">
      <c r="A618" s="1">
        <v>41440</v>
      </c>
      <c r="B618">
        <v>0</v>
      </c>
      <c r="C618">
        <f t="shared" si="9"/>
        <v>2470.7000000000003</v>
      </c>
    </row>
    <row r="619" spans="1:3" x14ac:dyDescent="0.25">
      <c r="A619" s="1">
        <v>41441</v>
      </c>
      <c r="B619">
        <v>0</v>
      </c>
      <c r="C619">
        <f t="shared" si="9"/>
        <v>2470.7000000000003</v>
      </c>
    </row>
    <row r="620" spans="1:3" x14ac:dyDescent="0.25">
      <c r="A620" s="1">
        <v>41442</v>
      </c>
      <c r="B620">
        <v>0</v>
      </c>
      <c r="C620">
        <f t="shared" si="9"/>
        <v>2470.7000000000003</v>
      </c>
    </row>
    <row r="621" spans="1:3" x14ac:dyDescent="0.25">
      <c r="A621" s="1">
        <v>41443</v>
      </c>
      <c r="B621">
        <v>0</v>
      </c>
      <c r="C621">
        <f t="shared" si="9"/>
        <v>2470.7000000000003</v>
      </c>
    </row>
    <row r="622" spans="1:3" x14ac:dyDescent="0.25">
      <c r="A622" s="1">
        <v>41444</v>
      </c>
      <c r="B622">
        <v>0</v>
      </c>
      <c r="C622">
        <f t="shared" si="9"/>
        <v>2470.7000000000003</v>
      </c>
    </row>
    <row r="623" spans="1:3" x14ac:dyDescent="0.25">
      <c r="A623" s="1">
        <v>41445</v>
      </c>
      <c r="B623">
        <v>0</v>
      </c>
      <c r="C623">
        <f t="shared" si="9"/>
        <v>2470.7000000000003</v>
      </c>
    </row>
    <row r="624" spans="1:3" x14ac:dyDescent="0.25">
      <c r="A624" s="1">
        <v>41446</v>
      </c>
      <c r="B624">
        <v>0</v>
      </c>
      <c r="C624">
        <f t="shared" si="9"/>
        <v>2470.7000000000003</v>
      </c>
    </row>
    <row r="625" spans="1:3" x14ac:dyDescent="0.25">
      <c r="A625" s="1">
        <v>41447</v>
      </c>
      <c r="B625">
        <v>0</v>
      </c>
      <c r="C625">
        <f t="shared" si="9"/>
        <v>2470.7000000000003</v>
      </c>
    </row>
    <row r="626" spans="1:3" x14ac:dyDescent="0.25">
      <c r="A626" s="1">
        <v>41448</v>
      </c>
      <c r="B626">
        <v>0</v>
      </c>
      <c r="C626">
        <f t="shared" si="9"/>
        <v>2470.7000000000003</v>
      </c>
    </row>
    <row r="627" spans="1:3" x14ac:dyDescent="0.25">
      <c r="A627" s="1">
        <v>41449</v>
      </c>
      <c r="B627">
        <v>5</v>
      </c>
      <c r="C627">
        <f t="shared" si="9"/>
        <v>2475.7000000000003</v>
      </c>
    </row>
    <row r="628" spans="1:3" x14ac:dyDescent="0.25">
      <c r="A628" s="1">
        <v>41450</v>
      </c>
      <c r="B628">
        <v>0</v>
      </c>
      <c r="C628">
        <f t="shared" si="9"/>
        <v>2475.7000000000003</v>
      </c>
    </row>
    <row r="629" spans="1:3" x14ac:dyDescent="0.25">
      <c r="A629" s="1">
        <v>41451</v>
      </c>
      <c r="B629">
        <v>34.700000000000003</v>
      </c>
      <c r="C629">
        <f t="shared" si="9"/>
        <v>2510.4</v>
      </c>
    </row>
    <row r="630" spans="1:3" x14ac:dyDescent="0.25">
      <c r="A630" s="1">
        <v>41452</v>
      </c>
      <c r="B630">
        <v>6.8</v>
      </c>
      <c r="C630">
        <f t="shared" si="9"/>
        <v>2517.2000000000003</v>
      </c>
    </row>
    <row r="631" spans="1:3" x14ac:dyDescent="0.25">
      <c r="A631" s="1">
        <v>41453</v>
      </c>
      <c r="B631">
        <v>0</v>
      </c>
      <c r="C631">
        <f t="shared" si="9"/>
        <v>2517.2000000000003</v>
      </c>
    </row>
    <row r="632" spans="1:3" x14ac:dyDescent="0.25">
      <c r="A632" s="1">
        <v>41454</v>
      </c>
      <c r="B632">
        <v>0</v>
      </c>
      <c r="C632">
        <f t="shared" si="9"/>
        <v>2517.2000000000003</v>
      </c>
    </row>
    <row r="633" spans="1:3" x14ac:dyDescent="0.25">
      <c r="A633" s="1">
        <v>41455</v>
      </c>
      <c r="B633">
        <v>0</v>
      </c>
      <c r="C633">
        <f t="shared" si="9"/>
        <v>2517.2000000000003</v>
      </c>
    </row>
    <row r="634" spans="1:3" x14ac:dyDescent="0.25">
      <c r="A634" s="1">
        <v>41456</v>
      </c>
      <c r="B634">
        <v>0.7</v>
      </c>
      <c r="C634">
        <f t="shared" si="9"/>
        <v>2517.9</v>
      </c>
    </row>
    <row r="635" spans="1:3" x14ac:dyDescent="0.25">
      <c r="A635" s="1">
        <v>41457</v>
      </c>
      <c r="B635">
        <v>0</v>
      </c>
      <c r="C635">
        <f t="shared" si="9"/>
        <v>2517.9</v>
      </c>
    </row>
    <row r="636" spans="1:3" x14ac:dyDescent="0.25">
      <c r="A636" s="1">
        <v>41458</v>
      </c>
      <c r="B636">
        <v>0</v>
      </c>
      <c r="C636">
        <f t="shared" si="9"/>
        <v>2517.9</v>
      </c>
    </row>
    <row r="637" spans="1:3" x14ac:dyDescent="0.25">
      <c r="A637" s="1">
        <v>41459</v>
      </c>
      <c r="B637">
        <v>0</v>
      </c>
      <c r="C637">
        <f t="shared" si="9"/>
        <v>2517.9</v>
      </c>
    </row>
    <row r="638" spans="1:3" x14ac:dyDescent="0.25">
      <c r="A638" s="1">
        <v>41460</v>
      </c>
      <c r="B638">
        <v>0</v>
      </c>
      <c r="C638">
        <f t="shared" si="9"/>
        <v>2517.9</v>
      </c>
    </row>
    <row r="639" spans="1:3" x14ac:dyDescent="0.25">
      <c r="A639" s="1">
        <v>41461</v>
      </c>
      <c r="B639">
        <v>0</v>
      </c>
      <c r="C639">
        <f t="shared" si="9"/>
        <v>2517.9</v>
      </c>
    </row>
    <row r="640" spans="1:3" x14ac:dyDescent="0.25">
      <c r="A640" s="1">
        <v>41462</v>
      </c>
      <c r="B640">
        <v>0</v>
      </c>
      <c r="C640">
        <f t="shared" si="9"/>
        <v>2517.9</v>
      </c>
    </row>
    <row r="641" spans="1:3" x14ac:dyDescent="0.25">
      <c r="A641" s="1">
        <v>41463</v>
      </c>
      <c r="B641">
        <v>0</v>
      </c>
      <c r="C641">
        <f t="shared" si="9"/>
        <v>2517.9</v>
      </c>
    </row>
    <row r="642" spans="1:3" x14ac:dyDescent="0.25">
      <c r="A642" s="1">
        <v>41464</v>
      </c>
      <c r="B642">
        <v>0</v>
      </c>
      <c r="C642">
        <f t="shared" si="9"/>
        <v>2517.9</v>
      </c>
    </row>
    <row r="643" spans="1:3" x14ac:dyDescent="0.25">
      <c r="A643" s="1">
        <v>41465</v>
      </c>
      <c r="B643">
        <v>0</v>
      </c>
      <c r="C643">
        <f t="shared" si="9"/>
        <v>2517.9</v>
      </c>
    </row>
    <row r="644" spans="1:3" x14ac:dyDescent="0.25">
      <c r="A644" s="1">
        <v>41466</v>
      </c>
      <c r="B644">
        <v>3.9</v>
      </c>
      <c r="C644">
        <f t="shared" si="9"/>
        <v>2521.8000000000002</v>
      </c>
    </row>
    <row r="645" spans="1:3" x14ac:dyDescent="0.25">
      <c r="A645" s="1">
        <v>41467</v>
      </c>
      <c r="B645">
        <v>0.3</v>
      </c>
      <c r="C645">
        <f t="shared" ref="C645:C708" si="10">B645+C644</f>
        <v>2522.1000000000004</v>
      </c>
    </row>
    <row r="646" spans="1:3" x14ac:dyDescent="0.25">
      <c r="A646" s="1">
        <v>41468</v>
      </c>
      <c r="B646">
        <v>0</v>
      </c>
      <c r="C646">
        <f t="shared" si="10"/>
        <v>2522.1000000000004</v>
      </c>
    </row>
    <row r="647" spans="1:3" x14ac:dyDescent="0.25">
      <c r="A647" s="1">
        <v>41469</v>
      </c>
      <c r="B647">
        <v>0</v>
      </c>
      <c r="C647">
        <f t="shared" si="10"/>
        <v>2522.1000000000004</v>
      </c>
    </row>
    <row r="648" spans="1:3" x14ac:dyDescent="0.25">
      <c r="A648" s="1">
        <v>41470</v>
      </c>
      <c r="B648">
        <v>0</v>
      </c>
      <c r="C648">
        <f t="shared" si="10"/>
        <v>2522.1000000000004</v>
      </c>
    </row>
    <row r="649" spans="1:3" x14ac:dyDescent="0.25">
      <c r="A649" s="1">
        <v>41471</v>
      </c>
      <c r="B649">
        <v>0</v>
      </c>
      <c r="C649">
        <f t="shared" si="10"/>
        <v>2522.1000000000004</v>
      </c>
    </row>
    <row r="650" spans="1:3" x14ac:dyDescent="0.25">
      <c r="A650" s="1">
        <v>41472</v>
      </c>
      <c r="B650">
        <v>0</v>
      </c>
      <c r="C650">
        <f t="shared" si="10"/>
        <v>2522.1000000000004</v>
      </c>
    </row>
    <row r="651" spans="1:3" x14ac:dyDescent="0.25">
      <c r="A651" s="1">
        <v>41473</v>
      </c>
      <c r="B651">
        <v>0</v>
      </c>
      <c r="C651">
        <f t="shared" si="10"/>
        <v>2522.1000000000004</v>
      </c>
    </row>
    <row r="652" spans="1:3" x14ac:dyDescent="0.25">
      <c r="A652" s="1">
        <v>41474</v>
      </c>
      <c r="B652">
        <v>0</v>
      </c>
      <c r="C652">
        <f t="shared" si="10"/>
        <v>2522.1000000000004</v>
      </c>
    </row>
    <row r="653" spans="1:3" x14ac:dyDescent="0.25">
      <c r="A653" s="1">
        <v>41475</v>
      </c>
      <c r="B653">
        <v>0</v>
      </c>
      <c r="C653">
        <f t="shared" si="10"/>
        <v>2522.1000000000004</v>
      </c>
    </row>
    <row r="654" spans="1:3" x14ac:dyDescent="0.25">
      <c r="A654" s="1">
        <v>41476</v>
      </c>
      <c r="B654">
        <v>0</v>
      </c>
      <c r="C654">
        <f t="shared" si="10"/>
        <v>2522.1000000000004</v>
      </c>
    </row>
    <row r="655" spans="1:3" x14ac:dyDescent="0.25">
      <c r="A655" s="1">
        <v>41477</v>
      </c>
      <c r="B655">
        <v>0</v>
      </c>
      <c r="C655">
        <f t="shared" si="10"/>
        <v>2522.1000000000004</v>
      </c>
    </row>
    <row r="656" spans="1:3" x14ac:dyDescent="0.25">
      <c r="A656" s="1">
        <v>41478</v>
      </c>
      <c r="B656">
        <v>0</v>
      </c>
      <c r="C656">
        <f t="shared" si="10"/>
        <v>2522.1000000000004</v>
      </c>
    </row>
    <row r="657" spans="1:3" x14ac:dyDescent="0.25">
      <c r="A657" s="1">
        <v>41479</v>
      </c>
      <c r="B657">
        <v>0</v>
      </c>
      <c r="C657">
        <f t="shared" si="10"/>
        <v>2522.1000000000004</v>
      </c>
    </row>
    <row r="658" spans="1:3" x14ac:dyDescent="0.25">
      <c r="A658" s="1">
        <v>41480</v>
      </c>
      <c r="B658">
        <v>0</v>
      </c>
      <c r="C658">
        <f t="shared" si="10"/>
        <v>2522.1000000000004</v>
      </c>
    </row>
    <row r="659" spans="1:3" x14ac:dyDescent="0.25">
      <c r="A659" s="1">
        <v>41481</v>
      </c>
      <c r="B659">
        <v>0</v>
      </c>
      <c r="C659">
        <f t="shared" si="10"/>
        <v>2522.1000000000004</v>
      </c>
    </row>
    <row r="660" spans="1:3" x14ac:dyDescent="0.25">
      <c r="A660" s="1">
        <v>41482</v>
      </c>
      <c r="B660">
        <v>0</v>
      </c>
      <c r="C660">
        <f t="shared" si="10"/>
        <v>2522.1000000000004</v>
      </c>
    </row>
    <row r="661" spans="1:3" x14ac:dyDescent="0.25">
      <c r="A661" s="1">
        <v>41483</v>
      </c>
      <c r="B661">
        <v>0</v>
      </c>
      <c r="C661">
        <f t="shared" si="10"/>
        <v>2522.1000000000004</v>
      </c>
    </row>
    <row r="662" spans="1:3" x14ac:dyDescent="0.25">
      <c r="A662" s="1">
        <v>41484</v>
      </c>
      <c r="B662">
        <v>0</v>
      </c>
      <c r="C662">
        <f t="shared" si="10"/>
        <v>2522.1000000000004</v>
      </c>
    </row>
    <row r="663" spans="1:3" x14ac:dyDescent="0.25">
      <c r="A663" s="1">
        <v>41485</v>
      </c>
      <c r="B663">
        <v>15.7</v>
      </c>
      <c r="C663">
        <f t="shared" si="10"/>
        <v>2537.8000000000002</v>
      </c>
    </row>
    <row r="664" spans="1:3" x14ac:dyDescent="0.25">
      <c r="A664" s="1">
        <v>41486</v>
      </c>
      <c r="B664">
        <v>0</v>
      </c>
      <c r="C664">
        <f t="shared" si="10"/>
        <v>2537.8000000000002</v>
      </c>
    </row>
    <row r="665" spans="1:3" x14ac:dyDescent="0.25">
      <c r="A665" s="1">
        <v>41487</v>
      </c>
      <c r="B665">
        <v>0</v>
      </c>
      <c r="C665">
        <f t="shared" si="10"/>
        <v>2537.8000000000002</v>
      </c>
    </row>
    <row r="666" spans="1:3" x14ac:dyDescent="0.25">
      <c r="A666" s="1">
        <v>41488</v>
      </c>
      <c r="B666">
        <v>0</v>
      </c>
      <c r="C666">
        <f t="shared" si="10"/>
        <v>2537.8000000000002</v>
      </c>
    </row>
    <row r="667" spans="1:3" x14ac:dyDescent="0.25">
      <c r="A667" s="1">
        <v>41489</v>
      </c>
      <c r="B667">
        <v>0</v>
      </c>
      <c r="C667">
        <f t="shared" si="10"/>
        <v>2537.8000000000002</v>
      </c>
    </row>
    <row r="668" spans="1:3" x14ac:dyDescent="0.25">
      <c r="A668" s="1">
        <v>41490</v>
      </c>
      <c r="B668">
        <v>0</v>
      </c>
      <c r="C668">
        <f t="shared" si="10"/>
        <v>2537.8000000000002</v>
      </c>
    </row>
    <row r="669" spans="1:3" x14ac:dyDescent="0.25">
      <c r="A669" s="1">
        <v>41491</v>
      </c>
      <c r="B669">
        <v>0</v>
      </c>
      <c r="C669">
        <f t="shared" si="10"/>
        <v>2537.8000000000002</v>
      </c>
    </row>
    <row r="670" spans="1:3" x14ac:dyDescent="0.25">
      <c r="A670" s="1">
        <v>41492</v>
      </c>
      <c r="B670">
        <v>0</v>
      </c>
      <c r="C670">
        <f t="shared" si="10"/>
        <v>2537.8000000000002</v>
      </c>
    </row>
    <row r="671" spans="1:3" x14ac:dyDescent="0.25">
      <c r="A671" s="1">
        <v>41493</v>
      </c>
      <c r="B671">
        <v>0</v>
      </c>
      <c r="C671">
        <f t="shared" si="10"/>
        <v>2537.8000000000002</v>
      </c>
    </row>
    <row r="672" spans="1:3" x14ac:dyDescent="0.25">
      <c r="A672" s="1">
        <v>41494</v>
      </c>
      <c r="B672">
        <v>0</v>
      </c>
      <c r="C672">
        <f t="shared" si="10"/>
        <v>2537.8000000000002</v>
      </c>
    </row>
    <row r="673" spans="1:3" x14ac:dyDescent="0.25">
      <c r="A673" s="1">
        <v>41495</v>
      </c>
      <c r="B673">
        <v>0</v>
      </c>
      <c r="C673">
        <f t="shared" si="10"/>
        <v>2537.8000000000002</v>
      </c>
    </row>
    <row r="674" spans="1:3" x14ac:dyDescent="0.25">
      <c r="A674" s="1">
        <v>41496</v>
      </c>
      <c r="B674">
        <v>0</v>
      </c>
      <c r="C674">
        <f t="shared" si="10"/>
        <v>2537.8000000000002</v>
      </c>
    </row>
    <row r="675" spans="1:3" x14ac:dyDescent="0.25">
      <c r="A675" s="1">
        <v>41497</v>
      </c>
      <c r="B675">
        <v>0</v>
      </c>
      <c r="C675">
        <f t="shared" si="10"/>
        <v>2537.8000000000002</v>
      </c>
    </row>
    <row r="676" spans="1:3" x14ac:dyDescent="0.25">
      <c r="A676" s="1">
        <v>41498</v>
      </c>
      <c r="B676">
        <v>27.5</v>
      </c>
      <c r="C676">
        <f t="shared" si="10"/>
        <v>2565.3000000000002</v>
      </c>
    </row>
    <row r="677" spans="1:3" x14ac:dyDescent="0.25">
      <c r="A677" s="1">
        <v>41499</v>
      </c>
      <c r="B677">
        <v>0</v>
      </c>
      <c r="C677">
        <f t="shared" si="10"/>
        <v>2565.3000000000002</v>
      </c>
    </row>
    <row r="678" spans="1:3" x14ac:dyDescent="0.25">
      <c r="A678" s="1">
        <v>41500</v>
      </c>
      <c r="B678">
        <v>13.7</v>
      </c>
      <c r="C678">
        <f t="shared" si="10"/>
        <v>2579</v>
      </c>
    </row>
    <row r="679" spans="1:3" x14ac:dyDescent="0.25">
      <c r="A679" s="1">
        <v>41501</v>
      </c>
      <c r="B679">
        <v>0</v>
      </c>
      <c r="C679">
        <f t="shared" si="10"/>
        <v>2579</v>
      </c>
    </row>
    <row r="680" spans="1:3" x14ac:dyDescent="0.25">
      <c r="A680" s="1">
        <v>41502</v>
      </c>
      <c r="B680">
        <v>8.1</v>
      </c>
      <c r="C680">
        <f t="shared" si="10"/>
        <v>2587.1</v>
      </c>
    </row>
    <row r="681" spans="1:3" x14ac:dyDescent="0.25">
      <c r="A681" s="1">
        <v>41503</v>
      </c>
      <c r="B681">
        <v>0</v>
      </c>
      <c r="C681">
        <f t="shared" si="10"/>
        <v>2587.1</v>
      </c>
    </row>
    <row r="682" spans="1:3" x14ac:dyDescent="0.25">
      <c r="A682" s="1">
        <v>41504</v>
      </c>
      <c r="B682">
        <v>0</v>
      </c>
      <c r="C682">
        <f t="shared" si="10"/>
        <v>2587.1</v>
      </c>
    </row>
    <row r="683" spans="1:3" x14ac:dyDescent="0.25">
      <c r="A683" s="1">
        <v>41505</v>
      </c>
      <c r="B683">
        <v>0</v>
      </c>
      <c r="C683">
        <f t="shared" si="10"/>
        <v>2587.1</v>
      </c>
    </row>
    <row r="684" spans="1:3" x14ac:dyDescent="0.25">
      <c r="A684" s="1">
        <v>41506</v>
      </c>
      <c r="B684">
        <v>0</v>
      </c>
      <c r="C684">
        <f t="shared" si="10"/>
        <v>2587.1</v>
      </c>
    </row>
    <row r="685" spans="1:3" x14ac:dyDescent="0.25">
      <c r="A685" s="1">
        <v>41507</v>
      </c>
      <c r="B685">
        <v>2.4</v>
      </c>
      <c r="C685">
        <f t="shared" si="10"/>
        <v>2589.5</v>
      </c>
    </row>
    <row r="686" spans="1:3" x14ac:dyDescent="0.25">
      <c r="A686" s="1">
        <v>41508</v>
      </c>
      <c r="B686">
        <v>0</v>
      </c>
      <c r="C686">
        <f t="shared" si="10"/>
        <v>2589.5</v>
      </c>
    </row>
    <row r="687" spans="1:3" x14ac:dyDescent="0.25">
      <c r="A687" s="1">
        <v>41509</v>
      </c>
      <c r="B687">
        <v>0</v>
      </c>
      <c r="C687">
        <f t="shared" si="10"/>
        <v>2589.5</v>
      </c>
    </row>
    <row r="688" spans="1:3" x14ac:dyDescent="0.25">
      <c r="A688" s="1">
        <v>41510</v>
      </c>
      <c r="B688">
        <v>0</v>
      </c>
      <c r="C688">
        <f t="shared" si="10"/>
        <v>2589.5</v>
      </c>
    </row>
    <row r="689" spans="1:3" x14ac:dyDescent="0.25">
      <c r="A689" s="1">
        <v>41511</v>
      </c>
      <c r="B689">
        <v>0</v>
      </c>
      <c r="C689">
        <f t="shared" si="10"/>
        <v>2589.5</v>
      </c>
    </row>
    <row r="690" spans="1:3" x14ac:dyDescent="0.25">
      <c r="A690" s="1">
        <v>41512</v>
      </c>
      <c r="B690">
        <v>40</v>
      </c>
      <c r="C690">
        <f t="shared" si="10"/>
        <v>2629.5</v>
      </c>
    </row>
    <row r="691" spans="1:3" x14ac:dyDescent="0.25">
      <c r="A691" s="1">
        <v>41513</v>
      </c>
      <c r="B691">
        <v>5.3</v>
      </c>
      <c r="C691">
        <f t="shared" si="10"/>
        <v>2634.8</v>
      </c>
    </row>
    <row r="692" spans="1:3" x14ac:dyDescent="0.25">
      <c r="A692" s="1">
        <v>41514</v>
      </c>
      <c r="B692">
        <v>2.2999999999999998</v>
      </c>
      <c r="C692">
        <f t="shared" si="10"/>
        <v>2637.1000000000004</v>
      </c>
    </row>
    <row r="693" spans="1:3" x14ac:dyDescent="0.25">
      <c r="A693" s="1">
        <v>41515</v>
      </c>
      <c r="B693">
        <v>21.4</v>
      </c>
      <c r="C693">
        <f t="shared" si="10"/>
        <v>2658.5000000000005</v>
      </c>
    </row>
    <row r="694" spans="1:3" x14ac:dyDescent="0.25">
      <c r="A694" s="1">
        <v>41516</v>
      </c>
      <c r="B694">
        <v>0</v>
      </c>
      <c r="C694">
        <f t="shared" si="10"/>
        <v>2658.5000000000005</v>
      </c>
    </row>
    <row r="695" spans="1:3" x14ac:dyDescent="0.25">
      <c r="A695" s="1">
        <v>41517</v>
      </c>
      <c r="B695">
        <v>0</v>
      </c>
      <c r="C695">
        <f t="shared" si="10"/>
        <v>2658.5000000000005</v>
      </c>
    </row>
    <row r="696" spans="1:3" x14ac:dyDescent="0.25">
      <c r="A696" s="1">
        <v>41518</v>
      </c>
      <c r="B696">
        <v>0</v>
      </c>
      <c r="C696">
        <f t="shared" si="10"/>
        <v>2658.5000000000005</v>
      </c>
    </row>
    <row r="697" spans="1:3" x14ac:dyDescent="0.25">
      <c r="A697" s="1">
        <v>41519</v>
      </c>
      <c r="B697">
        <v>1.5</v>
      </c>
      <c r="C697">
        <f t="shared" si="10"/>
        <v>2660.0000000000005</v>
      </c>
    </row>
    <row r="698" spans="1:3" x14ac:dyDescent="0.25">
      <c r="A698" s="1">
        <v>41520</v>
      </c>
      <c r="B698">
        <v>0.1</v>
      </c>
      <c r="C698">
        <f t="shared" si="10"/>
        <v>2660.1000000000004</v>
      </c>
    </row>
    <row r="699" spans="1:3" x14ac:dyDescent="0.25">
      <c r="A699" s="1">
        <v>41521</v>
      </c>
      <c r="B699">
        <v>0</v>
      </c>
      <c r="C699">
        <f t="shared" si="10"/>
        <v>2660.1000000000004</v>
      </c>
    </row>
    <row r="700" spans="1:3" x14ac:dyDescent="0.25">
      <c r="A700" s="1">
        <v>41522</v>
      </c>
      <c r="B700">
        <v>0</v>
      </c>
      <c r="C700">
        <f t="shared" si="10"/>
        <v>2660.1000000000004</v>
      </c>
    </row>
    <row r="701" spans="1:3" x14ac:dyDescent="0.25">
      <c r="A701" s="1">
        <v>41523</v>
      </c>
      <c r="B701">
        <v>0</v>
      </c>
      <c r="C701">
        <f t="shared" si="10"/>
        <v>2660.1000000000004</v>
      </c>
    </row>
    <row r="702" spans="1:3" x14ac:dyDescent="0.25">
      <c r="A702" s="1">
        <v>41524</v>
      </c>
      <c r="B702">
        <v>0</v>
      </c>
      <c r="C702">
        <f t="shared" si="10"/>
        <v>2660.1000000000004</v>
      </c>
    </row>
    <row r="703" spans="1:3" x14ac:dyDescent="0.25">
      <c r="A703" s="1">
        <v>41525</v>
      </c>
      <c r="B703">
        <v>0</v>
      </c>
      <c r="C703">
        <f t="shared" si="10"/>
        <v>2660.1000000000004</v>
      </c>
    </row>
    <row r="704" spans="1:3" x14ac:dyDescent="0.25">
      <c r="A704" s="1">
        <v>41526</v>
      </c>
      <c r="B704">
        <v>7.9</v>
      </c>
      <c r="C704">
        <f t="shared" si="10"/>
        <v>2668.0000000000005</v>
      </c>
    </row>
    <row r="705" spans="1:3" x14ac:dyDescent="0.25">
      <c r="A705" s="1">
        <v>41527</v>
      </c>
      <c r="B705">
        <v>59.3</v>
      </c>
      <c r="C705">
        <f t="shared" si="10"/>
        <v>2727.3000000000006</v>
      </c>
    </row>
    <row r="706" spans="1:3" x14ac:dyDescent="0.25">
      <c r="A706" s="1">
        <v>41528</v>
      </c>
      <c r="B706">
        <v>40.4</v>
      </c>
      <c r="C706">
        <f t="shared" si="10"/>
        <v>2767.7000000000007</v>
      </c>
    </row>
    <row r="707" spans="1:3" x14ac:dyDescent="0.25">
      <c r="A707" s="1">
        <v>41529</v>
      </c>
      <c r="B707">
        <v>0</v>
      </c>
      <c r="C707">
        <f t="shared" si="10"/>
        <v>2767.7000000000007</v>
      </c>
    </row>
    <row r="708" spans="1:3" x14ac:dyDescent="0.25">
      <c r="A708" s="1">
        <v>41530</v>
      </c>
      <c r="B708">
        <v>0.2</v>
      </c>
      <c r="C708">
        <f t="shared" si="10"/>
        <v>2767.9000000000005</v>
      </c>
    </row>
    <row r="709" spans="1:3" x14ac:dyDescent="0.25">
      <c r="A709" s="1">
        <v>41531</v>
      </c>
      <c r="B709">
        <v>0</v>
      </c>
      <c r="C709">
        <f t="shared" ref="C709:C772" si="11">B709+C708</f>
        <v>2767.9000000000005</v>
      </c>
    </row>
    <row r="710" spans="1:3" x14ac:dyDescent="0.25">
      <c r="A710" s="1">
        <v>41532</v>
      </c>
      <c r="B710">
        <v>0</v>
      </c>
      <c r="C710">
        <f t="shared" si="11"/>
        <v>2767.9000000000005</v>
      </c>
    </row>
    <row r="711" spans="1:3" x14ac:dyDescent="0.25">
      <c r="A711" s="1">
        <v>41533</v>
      </c>
      <c r="B711">
        <v>0.3</v>
      </c>
      <c r="C711">
        <f t="shared" si="11"/>
        <v>2768.2000000000007</v>
      </c>
    </row>
    <row r="712" spans="1:3" x14ac:dyDescent="0.25">
      <c r="A712" s="1">
        <v>41534</v>
      </c>
      <c r="B712">
        <v>18.600000000000001</v>
      </c>
      <c r="C712">
        <f t="shared" si="11"/>
        <v>2786.8000000000006</v>
      </c>
    </row>
    <row r="713" spans="1:3" x14ac:dyDescent="0.25">
      <c r="A713" s="1">
        <v>41535</v>
      </c>
      <c r="B713">
        <v>17.3</v>
      </c>
      <c r="C713">
        <f t="shared" si="11"/>
        <v>2804.1000000000008</v>
      </c>
    </row>
    <row r="714" spans="1:3" x14ac:dyDescent="0.25">
      <c r="A714" s="1">
        <v>41536</v>
      </c>
      <c r="B714">
        <v>0</v>
      </c>
      <c r="C714">
        <f t="shared" si="11"/>
        <v>2804.1000000000008</v>
      </c>
    </row>
    <row r="715" spans="1:3" x14ac:dyDescent="0.25">
      <c r="A715" s="1">
        <v>41537</v>
      </c>
      <c r="B715">
        <v>0</v>
      </c>
      <c r="C715">
        <f t="shared" si="11"/>
        <v>2804.1000000000008</v>
      </c>
    </row>
    <row r="716" spans="1:3" x14ac:dyDescent="0.25">
      <c r="A716" s="1">
        <v>41538</v>
      </c>
      <c r="B716">
        <v>0</v>
      </c>
      <c r="C716">
        <f t="shared" si="11"/>
        <v>2804.1000000000008</v>
      </c>
    </row>
    <row r="717" spans="1:3" x14ac:dyDescent="0.25">
      <c r="A717" s="1">
        <v>41539</v>
      </c>
      <c r="B717">
        <v>0</v>
      </c>
      <c r="C717">
        <f t="shared" si="11"/>
        <v>2804.1000000000008</v>
      </c>
    </row>
    <row r="718" spans="1:3" x14ac:dyDescent="0.25">
      <c r="A718" s="1">
        <v>41540</v>
      </c>
      <c r="B718">
        <v>0</v>
      </c>
      <c r="C718">
        <f t="shared" si="11"/>
        <v>2804.1000000000008</v>
      </c>
    </row>
    <row r="719" spans="1:3" x14ac:dyDescent="0.25">
      <c r="A719" s="1">
        <v>41541</v>
      </c>
      <c r="B719">
        <v>0</v>
      </c>
      <c r="C719">
        <f t="shared" si="11"/>
        <v>2804.1000000000008</v>
      </c>
    </row>
    <row r="720" spans="1:3" x14ac:dyDescent="0.25">
      <c r="A720" s="1">
        <v>41542</v>
      </c>
      <c r="B720">
        <v>0</v>
      </c>
      <c r="C720">
        <f t="shared" si="11"/>
        <v>2804.1000000000008</v>
      </c>
    </row>
    <row r="721" spans="1:3" x14ac:dyDescent="0.25">
      <c r="A721" s="1">
        <v>41543</v>
      </c>
      <c r="B721">
        <v>0</v>
      </c>
      <c r="C721">
        <f t="shared" si="11"/>
        <v>2804.1000000000008</v>
      </c>
    </row>
    <row r="722" spans="1:3" x14ac:dyDescent="0.25">
      <c r="A722" s="1">
        <v>41544</v>
      </c>
      <c r="B722">
        <v>0</v>
      </c>
      <c r="C722">
        <f t="shared" si="11"/>
        <v>2804.1000000000008</v>
      </c>
    </row>
    <row r="723" spans="1:3" x14ac:dyDescent="0.25">
      <c r="A723" s="1">
        <v>41545</v>
      </c>
      <c r="B723">
        <v>0</v>
      </c>
      <c r="C723">
        <f t="shared" si="11"/>
        <v>2804.1000000000008</v>
      </c>
    </row>
    <row r="724" spans="1:3" x14ac:dyDescent="0.25">
      <c r="A724" s="1">
        <v>41546</v>
      </c>
      <c r="B724">
        <v>0</v>
      </c>
      <c r="C724">
        <f t="shared" si="11"/>
        <v>2804.1000000000008</v>
      </c>
    </row>
    <row r="725" spans="1:3" x14ac:dyDescent="0.25">
      <c r="A725" s="1">
        <v>41547</v>
      </c>
      <c r="B725">
        <v>54.6</v>
      </c>
      <c r="C725">
        <f t="shared" si="11"/>
        <v>2858.7000000000007</v>
      </c>
    </row>
    <row r="726" spans="1:3" x14ac:dyDescent="0.25">
      <c r="A726" s="1">
        <v>41548</v>
      </c>
      <c r="B726">
        <v>1.8</v>
      </c>
      <c r="C726">
        <f t="shared" si="11"/>
        <v>2860.5000000000009</v>
      </c>
    </row>
    <row r="727" spans="1:3" x14ac:dyDescent="0.25">
      <c r="A727" s="1">
        <v>41549</v>
      </c>
      <c r="B727">
        <v>0.8</v>
      </c>
      <c r="C727">
        <f t="shared" si="11"/>
        <v>2861.3000000000011</v>
      </c>
    </row>
    <row r="728" spans="1:3" x14ac:dyDescent="0.25">
      <c r="A728" s="1">
        <v>41550</v>
      </c>
      <c r="B728">
        <v>0</v>
      </c>
      <c r="C728">
        <f t="shared" si="11"/>
        <v>2861.3000000000011</v>
      </c>
    </row>
    <row r="729" spans="1:3" x14ac:dyDescent="0.25">
      <c r="A729" s="1">
        <v>41551</v>
      </c>
      <c r="B729">
        <v>0</v>
      </c>
      <c r="C729">
        <f t="shared" si="11"/>
        <v>2861.3000000000011</v>
      </c>
    </row>
    <row r="730" spans="1:3" x14ac:dyDescent="0.25">
      <c r="A730" s="1">
        <v>41552</v>
      </c>
      <c r="B730">
        <v>0</v>
      </c>
      <c r="C730">
        <f t="shared" si="11"/>
        <v>2861.3000000000011</v>
      </c>
    </row>
    <row r="731" spans="1:3" x14ac:dyDescent="0.25">
      <c r="A731" s="1">
        <v>41553</v>
      </c>
      <c r="B731">
        <v>0</v>
      </c>
      <c r="C731">
        <f t="shared" si="11"/>
        <v>2861.3000000000011</v>
      </c>
    </row>
    <row r="732" spans="1:3" x14ac:dyDescent="0.25">
      <c r="A732" s="1">
        <v>41554</v>
      </c>
      <c r="B732">
        <v>1.4</v>
      </c>
      <c r="C732">
        <f t="shared" si="11"/>
        <v>2862.7000000000012</v>
      </c>
    </row>
    <row r="733" spans="1:3" x14ac:dyDescent="0.25">
      <c r="A733" s="1">
        <v>41555</v>
      </c>
      <c r="B733">
        <v>0.1</v>
      </c>
      <c r="C733">
        <f t="shared" si="11"/>
        <v>2862.8000000000011</v>
      </c>
    </row>
    <row r="734" spans="1:3" x14ac:dyDescent="0.25">
      <c r="A734" s="1">
        <v>41556</v>
      </c>
      <c r="B734">
        <v>1.4</v>
      </c>
      <c r="C734">
        <f t="shared" si="11"/>
        <v>2864.2000000000012</v>
      </c>
    </row>
    <row r="735" spans="1:3" x14ac:dyDescent="0.25">
      <c r="A735" s="1">
        <v>41557</v>
      </c>
      <c r="B735">
        <v>0</v>
      </c>
      <c r="C735">
        <f t="shared" si="11"/>
        <v>2864.2000000000012</v>
      </c>
    </row>
    <row r="736" spans="1:3" x14ac:dyDescent="0.25">
      <c r="A736" s="1">
        <v>41558</v>
      </c>
      <c r="B736">
        <v>7.9</v>
      </c>
      <c r="C736">
        <f t="shared" si="11"/>
        <v>2872.1000000000013</v>
      </c>
    </row>
    <row r="737" spans="1:3" x14ac:dyDescent="0.25">
      <c r="A737" s="1">
        <v>41559</v>
      </c>
      <c r="B737">
        <v>0</v>
      </c>
      <c r="C737">
        <f t="shared" si="11"/>
        <v>2872.1000000000013</v>
      </c>
    </row>
    <row r="738" spans="1:3" x14ac:dyDescent="0.25">
      <c r="A738" s="1">
        <v>41560</v>
      </c>
      <c r="B738">
        <v>0</v>
      </c>
      <c r="C738">
        <f t="shared" si="11"/>
        <v>2872.1000000000013</v>
      </c>
    </row>
    <row r="739" spans="1:3" x14ac:dyDescent="0.25">
      <c r="A739" s="1">
        <v>41561</v>
      </c>
      <c r="B739">
        <v>16.399999999999999</v>
      </c>
      <c r="C739">
        <f t="shared" si="11"/>
        <v>2888.5000000000014</v>
      </c>
    </row>
    <row r="740" spans="1:3" x14ac:dyDescent="0.25">
      <c r="A740" s="1">
        <v>41562</v>
      </c>
      <c r="B740">
        <v>0</v>
      </c>
      <c r="C740">
        <f t="shared" si="11"/>
        <v>2888.5000000000014</v>
      </c>
    </row>
    <row r="741" spans="1:3" x14ac:dyDescent="0.25">
      <c r="A741" s="1">
        <v>41563</v>
      </c>
      <c r="B741">
        <v>1.3</v>
      </c>
      <c r="C741">
        <f t="shared" si="11"/>
        <v>2889.8000000000015</v>
      </c>
    </row>
    <row r="742" spans="1:3" x14ac:dyDescent="0.25">
      <c r="A742" s="1">
        <v>41564</v>
      </c>
      <c r="B742">
        <v>0</v>
      </c>
      <c r="C742">
        <f t="shared" si="11"/>
        <v>2889.8000000000015</v>
      </c>
    </row>
    <row r="743" spans="1:3" x14ac:dyDescent="0.25">
      <c r="A743" s="1">
        <v>41565</v>
      </c>
      <c r="B743">
        <v>0</v>
      </c>
      <c r="C743">
        <f t="shared" si="11"/>
        <v>2889.8000000000015</v>
      </c>
    </row>
    <row r="744" spans="1:3" x14ac:dyDescent="0.25">
      <c r="A744" s="1">
        <v>41566</v>
      </c>
      <c r="B744">
        <v>0</v>
      </c>
      <c r="C744">
        <f t="shared" si="11"/>
        <v>2889.8000000000015</v>
      </c>
    </row>
    <row r="745" spans="1:3" x14ac:dyDescent="0.25">
      <c r="A745" s="1">
        <v>41567</v>
      </c>
      <c r="B745">
        <v>0</v>
      </c>
      <c r="C745">
        <f t="shared" si="11"/>
        <v>2889.8000000000015</v>
      </c>
    </row>
    <row r="746" spans="1:3" x14ac:dyDescent="0.25">
      <c r="A746" s="1">
        <v>41568</v>
      </c>
      <c r="B746">
        <v>4.5999999999999996</v>
      </c>
      <c r="C746">
        <f t="shared" si="11"/>
        <v>2894.4000000000015</v>
      </c>
    </row>
    <row r="747" spans="1:3" x14ac:dyDescent="0.25">
      <c r="A747" s="1">
        <v>41569</v>
      </c>
      <c r="B747">
        <v>0.5</v>
      </c>
      <c r="C747">
        <f t="shared" si="11"/>
        <v>2894.9000000000015</v>
      </c>
    </row>
    <row r="748" spans="1:3" x14ac:dyDescent="0.25">
      <c r="A748" s="1">
        <v>41570</v>
      </c>
      <c r="B748">
        <v>0</v>
      </c>
      <c r="C748">
        <f t="shared" si="11"/>
        <v>2894.9000000000015</v>
      </c>
    </row>
    <row r="749" spans="1:3" x14ac:dyDescent="0.25">
      <c r="A749" s="1">
        <v>41571</v>
      </c>
      <c r="B749">
        <v>0</v>
      </c>
      <c r="C749">
        <f t="shared" si="11"/>
        <v>2894.9000000000015</v>
      </c>
    </row>
    <row r="750" spans="1:3" x14ac:dyDescent="0.25">
      <c r="A750" s="1">
        <v>41572</v>
      </c>
      <c r="B750">
        <v>0.5</v>
      </c>
      <c r="C750">
        <f t="shared" si="11"/>
        <v>2895.4000000000015</v>
      </c>
    </row>
    <row r="751" spans="1:3" x14ac:dyDescent="0.25">
      <c r="A751" s="1">
        <v>41573</v>
      </c>
      <c r="B751">
        <v>0</v>
      </c>
      <c r="C751">
        <f t="shared" si="11"/>
        <v>2895.4000000000015</v>
      </c>
    </row>
    <row r="752" spans="1:3" x14ac:dyDescent="0.25">
      <c r="A752" s="1">
        <v>41574</v>
      </c>
      <c r="B752">
        <v>0</v>
      </c>
      <c r="C752">
        <f t="shared" si="11"/>
        <v>2895.4000000000015</v>
      </c>
    </row>
    <row r="753" spans="1:3" x14ac:dyDescent="0.25">
      <c r="A753" s="1">
        <v>41575</v>
      </c>
      <c r="B753">
        <v>0</v>
      </c>
      <c r="C753">
        <f t="shared" si="11"/>
        <v>2895.4000000000015</v>
      </c>
    </row>
    <row r="754" spans="1:3" x14ac:dyDescent="0.25">
      <c r="A754" s="1">
        <v>41576</v>
      </c>
      <c r="B754">
        <v>0</v>
      </c>
      <c r="C754">
        <f t="shared" si="11"/>
        <v>2895.4000000000015</v>
      </c>
    </row>
    <row r="755" spans="1:3" x14ac:dyDescent="0.25">
      <c r="A755" s="1">
        <v>41577</v>
      </c>
      <c r="B755">
        <v>0</v>
      </c>
      <c r="C755">
        <f t="shared" si="11"/>
        <v>2895.4000000000015</v>
      </c>
    </row>
    <row r="756" spans="1:3" x14ac:dyDescent="0.25">
      <c r="A756" s="1">
        <v>41578</v>
      </c>
      <c r="B756">
        <v>0</v>
      </c>
      <c r="C756">
        <f t="shared" si="11"/>
        <v>2895.4000000000015</v>
      </c>
    </row>
    <row r="757" spans="1:3" x14ac:dyDescent="0.25">
      <c r="A757" s="1">
        <v>41579</v>
      </c>
      <c r="B757">
        <v>0</v>
      </c>
      <c r="C757">
        <f t="shared" si="11"/>
        <v>2895.4000000000015</v>
      </c>
    </row>
    <row r="758" spans="1:3" x14ac:dyDescent="0.25">
      <c r="A758" s="1">
        <v>41580</v>
      </c>
      <c r="B758">
        <v>0</v>
      </c>
      <c r="C758">
        <f t="shared" si="11"/>
        <v>2895.4000000000015</v>
      </c>
    </row>
    <row r="759" spans="1:3" x14ac:dyDescent="0.25">
      <c r="A759" s="1">
        <v>41581</v>
      </c>
      <c r="B759">
        <v>0</v>
      </c>
      <c r="C759">
        <f t="shared" si="11"/>
        <v>2895.4000000000015</v>
      </c>
    </row>
    <row r="760" spans="1:3" x14ac:dyDescent="0.25">
      <c r="A760" s="1">
        <v>41582</v>
      </c>
      <c r="B760">
        <v>21</v>
      </c>
      <c r="C760">
        <f t="shared" si="11"/>
        <v>2916.4000000000015</v>
      </c>
    </row>
    <row r="761" spans="1:3" x14ac:dyDescent="0.25">
      <c r="A761" s="1">
        <v>41583</v>
      </c>
      <c r="B761">
        <v>46.4</v>
      </c>
      <c r="C761">
        <f t="shared" si="11"/>
        <v>2962.8000000000015</v>
      </c>
    </row>
    <row r="762" spans="1:3" x14ac:dyDescent="0.25">
      <c r="A762" s="1">
        <v>41584</v>
      </c>
      <c r="B762">
        <v>10.5</v>
      </c>
      <c r="C762">
        <f t="shared" si="11"/>
        <v>2973.3000000000015</v>
      </c>
    </row>
    <row r="763" spans="1:3" x14ac:dyDescent="0.25">
      <c r="A763" s="1">
        <v>41585</v>
      </c>
      <c r="B763">
        <v>0.2</v>
      </c>
      <c r="C763">
        <f t="shared" si="11"/>
        <v>2973.5000000000014</v>
      </c>
    </row>
    <row r="764" spans="1:3" x14ac:dyDescent="0.25">
      <c r="A764" s="1">
        <v>41586</v>
      </c>
      <c r="B764">
        <v>0.4</v>
      </c>
      <c r="C764">
        <f t="shared" si="11"/>
        <v>2973.9000000000015</v>
      </c>
    </row>
    <row r="765" spans="1:3" x14ac:dyDescent="0.25">
      <c r="A765" s="1">
        <v>41587</v>
      </c>
      <c r="B765">
        <v>0</v>
      </c>
      <c r="C765">
        <f t="shared" si="11"/>
        <v>2973.9000000000015</v>
      </c>
    </row>
    <row r="766" spans="1:3" x14ac:dyDescent="0.25">
      <c r="A766" s="1">
        <v>41588</v>
      </c>
      <c r="B766">
        <v>0</v>
      </c>
      <c r="C766">
        <f t="shared" si="11"/>
        <v>2973.9000000000015</v>
      </c>
    </row>
    <row r="767" spans="1:3" x14ac:dyDescent="0.25">
      <c r="A767" s="1">
        <v>41589</v>
      </c>
      <c r="B767">
        <v>46.9</v>
      </c>
      <c r="C767">
        <f t="shared" si="11"/>
        <v>3020.8000000000015</v>
      </c>
    </row>
    <row r="768" spans="1:3" x14ac:dyDescent="0.25">
      <c r="A768" s="1">
        <v>41590</v>
      </c>
      <c r="B768">
        <v>0</v>
      </c>
      <c r="C768">
        <f t="shared" si="11"/>
        <v>3020.8000000000015</v>
      </c>
    </row>
    <row r="769" spans="1:3" x14ac:dyDescent="0.25">
      <c r="A769" s="1">
        <v>41591</v>
      </c>
      <c r="B769">
        <v>0.1</v>
      </c>
      <c r="C769">
        <f t="shared" si="11"/>
        <v>3020.9000000000015</v>
      </c>
    </row>
    <row r="770" spans="1:3" x14ac:dyDescent="0.25">
      <c r="A770" s="1">
        <v>41592</v>
      </c>
      <c r="B770">
        <v>0.3</v>
      </c>
      <c r="C770">
        <f t="shared" si="11"/>
        <v>3021.2000000000016</v>
      </c>
    </row>
    <row r="771" spans="1:3" x14ac:dyDescent="0.25">
      <c r="A771" s="1">
        <v>41593</v>
      </c>
      <c r="B771">
        <v>7.2</v>
      </c>
      <c r="C771">
        <f t="shared" si="11"/>
        <v>3028.4000000000015</v>
      </c>
    </row>
    <row r="772" spans="1:3" x14ac:dyDescent="0.25">
      <c r="A772" s="1">
        <v>41594</v>
      </c>
      <c r="B772">
        <v>0</v>
      </c>
      <c r="C772">
        <f t="shared" si="11"/>
        <v>3028.4000000000015</v>
      </c>
    </row>
    <row r="773" spans="1:3" x14ac:dyDescent="0.25">
      <c r="A773" s="1">
        <v>41595</v>
      </c>
      <c r="B773">
        <v>0</v>
      </c>
      <c r="C773">
        <f t="shared" ref="C773:C836" si="12">B773+C772</f>
        <v>3028.4000000000015</v>
      </c>
    </row>
    <row r="774" spans="1:3" x14ac:dyDescent="0.25">
      <c r="A774" s="1">
        <v>41596</v>
      </c>
      <c r="B774">
        <v>0</v>
      </c>
      <c r="C774">
        <f t="shared" si="12"/>
        <v>3028.4000000000015</v>
      </c>
    </row>
    <row r="775" spans="1:3" x14ac:dyDescent="0.25">
      <c r="A775" s="1">
        <v>41597</v>
      </c>
      <c r="B775">
        <v>1.2</v>
      </c>
      <c r="C775">
        <f t="shared" si="12"/>
        <v>3029.6000000000013</v>
      </c>
    </row>
    <row r="776" spans="1:3" x14ac:dyDescent="0.25">
      <c r="A776" s="1">
        <v>41598</v>
      </c>
      <c r="B776">
        <v>15.8</v>
      </c>
      <c r="C776">
        <f t="shared" si="12"/>
        <v>3045.4000000000015</v>
      </c>
    </row>
    <row r="777" spans="1:3" x14ac:dyDescent="0.25">
      <c r="A777" s="1">
        <v>41599</v>
      </c>
      <c r="B777">
        <v>1.1000000000000001</v>
      </c>
      <c r="C777">
        <f t="shared" si="12"/>
        <v>3046.5000000000014</v>
      </c>
    </row>
    <row r="778" spans="1:3" x14ac:dyDescent="0.25">
      <c r="A778" s="1">
        <v>41600</v>
      </c>
      <c r="B778">
        <v>11.9</v>
      </c>
      <c r="C778">
        <f t="shared" si="12"/>
        <v>3058.4000000000015</v>
      </c>
    </row>
    <row r="779" spans="1:3" x14ac:dyDescent="0.25">
      <c r="A779" s="1">
        <v>41601</v>
      </c>
      <c r="B779">
        <v>0</v>
      </c>
      <c r="C779">
        <f t="shared" si="12"/>
        <v>3058.4000000000015</v>
      </c>
    </row>
    <row r="780" spans="1:3" x14ac:dyDescent="0.25">
      <c r="A780" s="1">
        <v>41602</v>
      </c>
      <c r="B780">
        <v>0</v>
      </c>
      <c r="C780">
        <f t="shared" si="12"/>
        <v>3058.4000000000015</v>
      </c>
    </row>
    <row r="781" spans="1:3" x14ac:dyDescent="0.25">
      <c r="A781" s="1">
        <v>41603</v>
      </c>
      <c r="B781">
        <v>38.6</v>
      </c>
      <c r="C781">
        <f t="shared" si="12"/>
        <v>3097.0000000000014</v>
      </c>
    </row>
    <row r="782" spans="1:3" x14ac:dyDescent="0.25">
      <c r="A782" s="1">
        <v>41604</v>
      </c>
      <c r="B782">
        <v>0</v>
      </c>
      <c r="C782">
        <f t="shared" si="12"/>
        <v>3097.0000000000014</v>
      </c>
    </row>
    <row r="783" spans="1:3" x14ac:dyDescent="0.25">
      <c r="A783" s="1">
        <v>41605</v>
      </c>
      <c r="B783">
        <v>0</v>
      </c>
      <c r="C783">
        <f t="shared" si="12"/>
        <v>3097.0000000000014</v>
      </c>
    </row>
    <row r="784" spans="1:3" x14ac:dyDescent="0.25">
      <c r="A784" s="1">
        <v>41606</v>
      </c>
      <c r="B784">
        <v>0</v>
      </c>
      <c r="C784">
        <f t="shared" si="12"/>
        <v>3097.0000000000014</v>
      </c>
    </row>
    <row r="785" spans="1:3" x14ac:dyDescent="0.25">
      <c r="A785" s="1">
        <v>41607</v>
      </c>
      <c r="B785">
        <v>0</v>
      </c>
      <c r="C785">
        <f t="shared" si="12"/>
        <v>3097.0000000000014</v>
      </c>
    </row>
    <row r="786" spans="1:3" x14ac:dyDescent="0.25">
      <c r="A786" s="1">
        <v>41608</v>
      </c>
      <c r="B786">
        <v>0</v>
      </c>
      <c r="C786">
        <f t="shared" si="12"/>
        <v>3097.0000000000014</v>
      </c>
    </row>
    <row r="787" spans="1:3" x14ac:dyDescent="0.25">
      <c r="A787" s="1">
        <v>41609</v>
      </c>
      <c r="B787">
        <v>0</v>
      </c>
      <c r="C787">
        <f t="shared" si="12"/>
        <v>3097.0000000000014</v>
      </c>
    </row>
    <row r="788" spans="1:3" x14ac:dyDescent="0.25">
      <c r="A788" s="1">
        <v>41610</v>
      </c>
      <c r="B788">
        <v>0.7</v>
      </c>
      <c r="C788">
        <f t="shared" si="12"/>
        <v>3097.7000000000012</v>
      </c>
    </row>
    <row r="789" spans="1:3" x14ac:dyDescent="0.25">
      <c r="A789" s="1">
        <v>41611</v>
      </c>
      <c r="B789">
        <v>0</v>
      </c>
      <c r="C789">
        <f t="shared" si="12"/>
        <v>3097.7000000000012</v>
      </c>
    </row>
    <row r="790" spans="1:3" x14ac:dyDescent="0.25">
      <c r="A790" s="1">
        <v>41612</v>
      </c>
      <c r="B790">
        <v>0</v>
      </c>
      <c r="C790">
        <f t="shared" si="12"/>
        <v>3097.7000000000012</v>
      </c>
    </row>
    <row r="791" spans="1:3" x14ac:dyDescent="0.25">
      <c r="A791" s="1">
        <v>41613</v>
      </c>
      <c r="B791">
        <v>0</v>
      </c>
      <c r="C791">
        <f t="shared" si="12"/>
        <v>3097.7000000000012</v>
      </c>
    </row>
    <row r="792" spans="1:3" x14ac:dyDescent="0.25">
      <c r="A792" s="1">
        <v>41614</v>
      </c>
      <c r="B792">
        <v>0</v>
      </c>
      <c r="C792">
        <f t="shared" si="12"/>
        <v>3097.7000000000012</v>
      </c>
    </row>
    <row r="793" spans="1:3" x14ac:dyDescent="0.25">
      <c r="A793" s="1">
        <v>41615</v>
      </c>
      <c r="B793">
        <v>0</v>
      </c>
      <c r="C793">
        <f t="shared" si="12"/>
        <v>3097.7000000000012</v>
      </c>
    </row>
    <row r="794" spans="1:3" x14ac:dyDescent="0.25">
      <c r="A794" s="1">
        <v>41616</v>
      </c>
      <c r="B794">
        <v>0</v>
      </c>
      <c r="C794">
        <f t="shared" si="12"/>
        <v>3097.7000000000012</v>
      </c>
    </row>
    <row r="795" spans="1:3" x14ac:dyDescent="0.25">
      <c r="A795" s="1">
        <v>41617</v>
      </c>
      <c r="B795">
        <v>0</v>
      </c>
      <c r="C795">
        <f t="shared" si="12"/>
        <v>3097.7000000000012</v>
      </c>
    </row>
    <row r="796" spans="1:3" x14ac:dyDescent="0.25">
      <c r="A796" s="1">
        <v>41618</v>
      </c>
      <c r="B796">
        <v>0</v>
      </c>
      <c r="C796">
        <f t="shared" si="12"/>
        <v>3097.7000000000012</v>
      </c>
    </row>
    <row r="797" spans="1:3" x14ac:dyDescent="0.25">
      <c r="A797" s="1">
        <v>41619</v>
      </c>
      <c r="B797">
        <v>0</v>
      </c>
      <c r="C797">
        <f t="shared" si="12"/>
        <v>3097.7000000000012</v>
      </c>
    </row>
    <row r="798" spans="1:3" x14ac:dyDescent="0.25">
      <c r="A798" s="1">
        <v>41620</v>
      </c>
      <c r="B798">
        <v>0</v>
      </c>
      <c r="C798">
        <f t="shared" si="12"/>
        <v>3097.7000000000012</v>
      </c>
    </row>
    <row r="799" spans="1:3" x14ac:dyDescent="0.25">
      <c r="A799" s="1">
        <v>41621</v>
      </c>
      <c r="B799">
        <v>0.2</v>
      </c>
      <c r="C799">
        <f t="shared" si="12"/>
        <v>3097.900000000001</v>
      </c>
    </row>
    <row r="800" spans="1:3" x14ac:dyDescent="0.25">
      <c r="A800" s="1">
        <v>41622</v>
      </c>
      <c r="B800">
        <v>0</v>
      </c>
      <c r="C800">
        <f t="shared" si="12"/>
        <v>3097.900000000001</v>
      </c>
    </row>
    <row r="801" spans="1:3" x14ac:dyDescent="0.25">
      <c r="A801" s="1">
        <v>41623</v>
      </c>
      <c r="B801">
        <v>0</v>
      </c>
      <c r="C801">
        <f t="shared" si="12"/>
        <v>3097.900000000001</v>
      </c>
    </row>
    <row r="802" spans="1:3" x14ac:dyDescent="0.25">
      <c r="A802" s="1">
        <v>41624</v>
      </c>
      <c r="B802">
        <v>0</v>
      </c>
      <c r="C802">
        <f t="shared" si="12"/>
        <v>3097.900000000001</v>
      </c>
    </row>
    <row r="803" spans="1:3" x14ac:dyDescent="0.25">
      <c r="A803" s="1">
        <v>41625</v>
      </c>
      <c r="B803">
        <v>0</v>
      </c>
      <c r="C803">
        <f t="shared" si="12"/>
        <v>3097.900000000001</v>
      </c>
    </row>
    <row r="804" spans="1:3" x14ac:dyDescent="0.25">
      <c r="A804" s="1">
        <v>41626</v>
      </c>
      <c r="B804">
        <v>0.2</v>
      </c>
      <c r="C804">
        <f t="shared" si="12"/>
        <v>3098.1000000000008</v>
      </c>
    </row>
    <row r="805" spans="1:3" x14ac:dyDescent="0.25">
      <c r="A805" s="1">
        <v>41627</v>
      </c>
      <c r="B805">
        <v>0</v>
      </c>
      <c r="C805">
        <f t="shared" si="12"/>
        <v>3098.1000000000008</v>
      </c>
    </row>
    <row r="806" spans="1:3" x14ac:dyDescent="0.25">
      <c r="A806" s="1">
        <v>41628</v>
      </c>
      <c r="B806">
        <v>0</v>
      </c>
      <c r="C806">
        <f t="shared" si="12"/>
        <v>3098.1000000000008</v>
      </c>
    </row>
    <row r="807" spans="1:3" x14ac:dyDescent="0.25">
      <c r="A807" s="1">
        <v>41629</v>
      </c>
      <c r="B807">
        <v>0</v>
      </c>
      <c r="C807">
        <f t="shared" si="12"/>
        <v>3098.1000000000008</v>
      </c>
    </row>
    <row r="808" spans="1:3" x14ac:dyDescent="0.25">
      <c r="A808" s="1">
        <v>41630</v>
      </c>
      <c r="B808">
        <v>0</v>
      </c>
      <c r="C808">
        <f t="shared" si="12"/>
        <v>3098.1000000000008</v>
      </c>
    </row>
    <row r="809" spans="1:3" x14ac:dyDescent="0.25">
      <c r="A809" s="1">
        <v>41631</v>
      </c>
      <c r="B809">
        <v>3.8</v>
      </c>
      <c r="C809">
        <f t="shared" si="12"/>
        <v>3101.900000000001</v>
      </c>
    </row>
    <row r="810" spans="1:3" x14ac:dyDescent="0.25">
      <c r="A810" s="1">
        <v>41632</v>
      </c>
      <c r="B810">
        <v>0</v>
      </c>
      <c r="C810">
        <f t="shared" si="12"/>
        <v>3101.900000000001</v>
      </c>
    </row>
    <row r="811" spans="1:3" x14ac:dyDescent="0.25">
      <c r="A811" s="1">
        <v>41633</v>
      </c>
      <c r="B811">
        <v>0</v>
      </c>
      <c r="C811">
        <f t="shared" si="12"/>
        <v>3101.900000000001</v>
      </c>
    </row>
    <row r="812" spans="1:3" x14ac:dyDescent="0.25">
      <c r="A812" s="1">
        <v>41634</v>
      </c>
      <c r="B812">
        <v>0</v>
      </c>
      <c r="C812">
        <f t="shared" si="12"/>
        <v>3101.900000000001</v>
      </c>
    </row>
    <row r="813" spans="1:3" x14ac:dyDescent="0.25">
      <c r="A813" s="1">
        <v>41635</v>
      </c>
      <c r="B813">
        <v>0</v>
      </c>
      <c r="C813">
        <f t="shared" si="12"/>
        <v>3101.900000000001</v>
      </c>
    </row>
    <row r="814" spans="1:3" x14ac:dyDescent="0.25">
      <c r="A814" s="1">
        <v>41636</v>
      </c>
      <c r="B814">
        <v>0</v>
      </c>
      <c r="C814">
        <f t="shared" si="12"/>
        <v>3101.900000000001</v>
      </c>
    </row>
    <row r="815" spans="1:3" x14ac:dyDescent="0.25">
      <c r="A815" s="1">
        <v>41637</v>
      </c>
      <c r="B815">
        <v>0</v>
      </c>
      <c r="C815">
        <f t="shared" si="12"/>
        <v>3101.900000000001</v>
      </c>
    </row>
    <row r="816" spans="1:3" x14ac:dyDescent="0.25">
      <c r="A816" s="1">
        <v>41638</v>
      </c>
      <c r="B816">
        <v>54.3</v>
      </c>
      <c r="C816">
        <f t="shared" si="12"/>
        <v>3156.2000000000012</v>
      </c>
    </row>
    <row r="817" spans="1:3" x14ac:dyDescent="0.25">
      <c r="A817" s="1">
        <v>41639</v>
      </c>
      <c r="B817">
        <v>0</v>
      </c>
      <c r="C817">
        <f t="shared" si="12"/>
        <v>3156.2000000000012</v>
      </c>
    </row>
    <row r="818" spans="1:3" x14ac:dyDescent="0.25">
      <c r="A818" s="1">
        <v>41640</v>
      </c>
      <c r="B818">
        <v>0</v>
      </c>
      <c r="C818">
        <f t="shared" si="12"/>
        <v>3156.2000000000012</v>
      </c>
    </row>
    <row r="819" spans="1:3" x14ac:dyDescent="0.25">
      <c r="A819" s="1">
        <v>41641</v>
      </c>
      <c r="B819">
        <v>3.3</v>
      </c>
      <c r="C819">
        <f t="shared" si="12"/>
        <v>3159.5000000000014</v>
      </c>
    </row>
    <row r="820" spans="1:3" x14ac:dyDescent="0.25">
      <c r="A820" s="1">
        <v>41642</v>
      </c>
      <c r="B820">
        <v>0.9</v>
      </c>
      <c r="C820">
        <f t="shared" si="12"/>
        <v>3160.4000000000015</v>
      </c>
    </row>
    <row r="821" spans="1:3" x14ac:dyDescent="0.25">
      <c r="A821" s="1">
        <v>41643</v>
      </c>
      <c r="B821">
        <v>0</v>
      </c>
      <c r="C821">
        <f t="shared" si="12"/>
        <v>3160.4000000000015</v>
      </c>
    </row>
    <row r="822" spans="1:3" x14ac:dyDescent="0.25">
      <c r="A822" s="1">
        <v>41644</v>
      </c>
      <c r="B822">
        <v>0</v>
      </c>
      <c r="C822">
        <f t="shared" si="12"/>
        <v>3160.4000000000015</v>
      </c>
    </row>
    <row r="823" spans="1:3" x14ac:dyDescent="0.25">
      <c r="A823" s="1">
        <v>41645</v>
      </c>
      <c r="B823">
        <v>41.8</v>
      </c>
      <c r="C823">
        <f t="shared" si="12"/>
        <v>3202.2000000000016</v>
      </c>
    </row>
    <row r="824" spans="1:3" x14ac:dyDescent="0.25">
      <c r="A824" s="1">
        <v>41646</v>
      </c>
      <c r="B824">
        <v>0</v>
      </c>
      <c r="C824">
        <f t="shared" si="12"/>
        <v>3202.2000000000016</v>
      </c>
    </row>
    <row r="825" spans="1:3" x14ac:dyDescent="0.25">
      <c r="A825" s="1">
        <v>41647</v>
      </c>
      <c r="B825">
        <v>0</v>
      </c>
      <c r="C825">
        <f t="shared" si="12"/>
        <v>3202.2000000000016</v>
      </c>
    </row>
    <row r="826" spans="1:3" x14ac:dyDescent="0.25">
      <c r="A826" s="1">
        <v>41648</v>
      </c>
      <c r="B826">
        <v>0</v>
      </c>
      <c r="C826">
        <f t="shared" si="12"/>
        <v>3202.2000000000016</v>
      </c>
    </row>
    <row r="827" spans="1:3" x14ac:dyDescent="0.25">
      <c r="A827" s="1">
        <v>41649</v>
      </c>
      <c r="B827">
        <v>0</v>
      </c>
      <c r="C827">
        <f t="shared" si="12"/>
        <v>3202.2000000000016</v>
      </c>
    </row>
    <row r="828" spans="1:3" x14ac:dyDescent="0.25">
      <c r="A828" s="1">
        <v>41650</v>
      </c>
      <c r="B828">
        <v>0</v>
      </c>
      <c r="C828">
        <f t="shared" si="12"/>
        <v>3202.2000000000016</v>
      </c>
    </row>
    <row r="829" spans="1:3" x14ac:dyDescent="0.25">
      <c r="A829" s="1">
        <v>41651</v>
      </c>
      <c r="B829">
        <v>0</v>
      </c>
      <c r="C829">
        <f t="shared" si="12"/>
        <v>3202.2000000000016</v>
      </c>
    </row>
    <row r="830" spans="1:3" x14ac:dyDescent="0.25">
      <c r="A830" s="1">
        <v>41652</v>
      </c>
      <c r="B830">
        <v>0</v>
      </c>
      <c r="C830">
        <f t="shared" si="12"/>
        <v>3202.2000000000016</v>
      </c>
    </row>
    <row r="831" spans="1:3" x14ac:dyDescent="0.25">
      <c r="A831" s="1">
        <v>41653</v>
      </c>
      <c r="B831">
        <v>0</v>
      </c>
      <c r="C831">
        <f t="shared" si="12"/>
        <v>3202.2000000000016</v>
      </c>
    </row>
    <row r="832" spans="1:3" x14ac:dyDescent="0.25">
      <c r="A832" s="1">
        <v>41654</v>
      </c>
      <c r="B832">
        <v>16.399999999999999</v>
      </c>
      <c r="C832">
        <f t="shared" si="12"/>
        <v>3218.6000000000017</v>
      </c>
    </row>
    <row r="833" spans="1:6" x14ac:dyDescent="0.25">
      <c r="A833" s="1">
        <v>41655</v>
      </c>
      <c r="B833">
        <v>0.2</v>
      </c>
      <c r="C833">
        <f t="shared" si="12"/>
        <v>3218.8000000000015</v>
      </c>
    </row>
    <row r="834" spans="1:6" x14ac:dyDescent="0.25">
      <c r="A834" s="1">
        <v>41656</v>
      </c>
      <c r="B834">
        <v>3</v>
      </c>
      <c r="C834">
        <f t="shared" si="12"/>
        <v>3221.8000000000015</v>
      </c>
    </row>
    <row r="835" spans="1:6" x14ac:dyDescent="0.25">
      <c r="A835" s="1">
        <v>41657</v>
      </c>
      <c r="B835">
        <v>0</v>
      </c>
      <c r="C835">
        <f t="shared" si="12"/>
        <v>3221.8000000000015</v>
      </c>
    </row>
    <row r="836" spans="1:6" x14ac:dyDescent="0.25">
      <c r="A836" s="1">
        <v>41658</v>
      </c>
      <c r="B836">
        <v>0</v>
      </c>
      <c r="C836">
        <f t="shared" si="12"/>
        <v>3221.8000000000015</v>
      </c>
    </row>
    <row r="837" spans="1:6" x14ac:dyDescent="0.25">
      <c r="A837" s="1">
        <v>41659</v>
      </c>
      <c r="B837">
        <v>52</v>
      </c>
      <c r="C837">
        <f t="shared" ref="C837:C900" si="13">B837+C836</f>
        <v>3273.8000000000015</v>
      </c>
    </row>
    <row r="838" spans="1:6" x14ac:dyDescent="0.25">
      <c r="A838" s="1">
        <v>41660</v>
      </c>
      <c r="B838">
        <v>0.3</v>
      </c>
      <c r="C838">
        <f t="shared" si="13"/>
        <v>3274.1000000000017</v>
      </c>
    </row>
    <row r="839" spans="1:6" x14ac:dyDescent="0.25">
      <c r="A839" s="1">
        <v>41661</v>
      </c>
      <c r="B839">
        <v>0</v>
      </c>
      <c r="C839">
        <f t="shared" si="13"/>
        <v>3274.1000000000017</v>
      </c>
      <c r="F839" t="s">
        <v>2</v>
      </c>
    </row>
    <row r="840" spans="1:6" x14ac:dyDescent="0.25">
      <c r="A840" s="1">
        <v>41662</v>
      </c>
      <c r="B840">
        <v>0</v>
      </c>
      <c r="C840">
        <f t="shared" si="13"/>
        <v>3274.1000000000017</v>
      </c>
    </row>
    <row r="841" spans="1:6" x14ac:dyDescent="0.25">
      <c r="A841" s="1">
        <v>41663</v>
      </c>
      <c r="B841">
        <v>18.8</v>
      </c>
      <c r="C841">
        <f t="shared" si="13"/>
        <v>3292.9000000000019</v>
      </c>
    </row>
    <row r="842" spans="1:6" x14ac:dyDescent="0.25">
      <c r="A842" s="1">
        <v>41664</v>
      </c>
      <c r="B842">
        <v>0</v>
      </c>
      <c r="C842">
        <f t="shared" si="13"/>
        <v>3292.9000000000019</v>
      </c>
    </row>
    <row r="843" spans="1:6" x14ac:dyDescent="0.25">
      <c r="A843" s="1">
        <v>41665</v>
      </c>
      <c r="B843">
        <v>0</v>
      </c>
      <c r="C843">
        <f t="shared" si="13"/>
        <v>3292.9000000000019</v>
      </c>
    </row>
    <row r="844" spans="1:6" x14ac:dyDescent="0.25">
      <c r="A844" s="1">
        <v>41666</v>
      </c>
      <c r="B844">
        <v>9</v>
      </c>
      <c r="C844">
        <f t="shared" si="13"/>
        <v>3301.9000000000019</v>
      </c>
    </row>
    <row r="845" spans="1:6" x14ac:dyDescent="0.25">
      <c r="A845" s="1">
        <v>41667</v>
      </c>
      <c r="B845">
        <v>0.8</v>
      </c>
      <c r="C845">
        <f t="shared" si="13"/>
        <v>3302.7000000000021</v>
      </c>
    </row>
    <row r="846" spans="1:6" x14ac:dyDescent="0.25">
      <c r="A846" s="1">
        <v>41668</v>
      </c>
      <c r="B846">
        <v>4.2</v>
      </c>
      <c r="C846">
        <f t="shared" si="13"/>
        <v>3306.9000000000019</v>
      </c>
    </row>
    <row r="847" spans="1:6" x14ac:dyDescent="0.25">
      <c r="A847" s="1">
        <v>41669</v>
      </c>
      <c r="B847">
        <v>5</v>
      </c>
      <c r="C847">
        <f t="shared" si="13"/>
        <v>3311.9000000000019</v>
      </c>
    </row>
    <row r="848" spans="1:6" x14ac:dyDescent="0.25">
      <c r="A848" s="1">
        <v>41670</v>
      </c>
      <c r="B848">
        <v>19.8</v>
      </c>
      <c r="C848">
        <f t="shared" si="13"/>
        <v>3331.7000000000021</v>
      </c>
    </row>
    <row r="849" spans="1:3" x14ac:dyDescent="0.25">
      <c r="A849" s="1">
        <v>41671</v>
      </c>
      <c r="B849">
        <v>0</v>
      </c>
      <c r="C849">
        <f t="shared" si="13"/>
        <v>3331.7000000000021</v>
      </c>
    </row>
    <row r="850" spans="1:3" x14ac:dyDescent="0.25">
      <c r="A850" s="1">
        <v>41672</v>
      </c>
      <c r="B850">
        <v>0</v>
      </c>
      <c r="C850">
        <f t="shared" si="13"/>
        <v>3331.7000000000021</v>
      </c>
    </row>
    <row r="851" spans="1:3" x14ac:dyDescent="0.25">
      <c r="A851" s="1">
        <v>41673</v>
      </c>
      <c r="B851">
        <v>75.400000000000006</v>
      </c>
      <c r="C851">
        <f t="shared" si="13"/>
        <v>3407.1000000000022</v>
      </c>
    </row>
    <row r="852" spans="1:3" x14ac:dyDescent="0.25">
      <c r="A852" s="1">
        <v>41674</v>
      </c>
      <c r="B852">
        <v>0</v>
      </c>
      <c r="C852">
        <f t="shared" si="13"/>
        <v>3407.1000000000022</v>
      </c>
    </row>
    <row r="853" spans="1:3" x14ac:dyDescent="0.25">
      <c r="A853" s="1">
        <v>41675</v>
      </c>
      <c r="B853">
        <v>4.7</v>
      </c>
      <c r="C853">
        <f t="shared" si="13"/>
        <v>3411.800000000002</v>
      </c>
    </row>
    <row r="854" spans="1:3" x14ac:dyDescent="0.25">
      <c r="A854" s="1">
        <v>41676</v>
      </c>
      <c r="B854">
        <v>2.9</v>
      </c>
      <c r="C854">
        <f t="shared" si="13"/>
        <v>3414.7000000000021</v>
      </c>
    </row>
    <row r="855" spans="1:3" x14ac:dyDescent="0.25">
      <c r="A855" s="1">
        <v>41677</v>
      </c>
      <c r="B855">
        <v>0.6</v>
      </c>
      <c r="C855">
        <f t="shared" si="13"/>
        <v>3415.300000000002</v>
      </c>
    </row>
    <row r="856" spans="1:3" x14ac:dyDescent="0.25">
      <c r="A856" s="1">
        <v>41678</v>
      </c>
      <c r="B856">
        <v>0</v>
      </c>
      <c r="C856">
        <f t="shared" si="13"/>
        <v>3415.300000000002</v>
      </c>
    </row>
    <row r="857" spans="1:3" x14ac:dyDescent="0.25">
      <c r="A857" s="1">
        <v>41679</v>
      </c>
      <c r="B857">
        <v>0</v>
      </c>
      <c r="C857">
        <f t="shared" si="13"/>
        <v>3415.300000000002</v>
      </c>
    </row>
    <row r="858" spans="1:3" x14ac:dyDescent="0.25">
      <c r="A858" s="1">
        <v>41680</v>
      </c>
      <c r="B858">
        <v>30.5</v>
      </c>
      <c r="C858">
        <f t="shared" si="13"/>
        <v>3445.800000000002</v>
      </c>
    </row>
    <row r="859" spans="1:3" x14ac:dyDescent="0.25">
      <c r="A859" s="1">
        <v>41681</v>
      </c>
      <c r="B859">
        <v>30.6</v>
      </c>
      <c r="C859">
        <f t="shared" si="13"/>
        <v>3476.4000000000019</v>
      </c>
    </row>
    <row r="860" spans="1:3" x14ac:dyDescent="0.25">
      <c r="A860" s="1">
        <v>41682</v>
      </c>
      <c r="B860">
        <v>22.5</v>
      </c>
      <c r="C860">
        <f t="shared" si="13"/>
        <v>3498.9000000000019</v>
      </c>
    </row>
    <row r="861" spans="1:3" x14ac:dyDescent="0.25">
      <c r="A861" s="1">
        <v>41683</v>
      </c>
      <c r="B861">
        <v>6.8</v>
      </c>
      <c r="C861">
        <f t="shared" si="13"/>
        <v>3505.7000000000021</v>
      </c>
    </row>
    <row r="862" spans="1:3" x14ac:dyDescent="0.25">
      <c r="A862" s="1">
        <v>41684</v>
      </c>
      <c r="B862">
        <v>22.8</v>
      </c>
      <c r="C862">
        <f t="shared" si="13"/>
        <v>3528.5000000000023</v>
      </c>
    </row>
    <row r="863" spans="1:3" x14ac:dyDescent="0.25">
      <c r="A863" s="1">
        <v>41685</v>
      </c>
      <c r="B863">
        <v>0</v>
      </c>
      <c r="C863">
        <f t="shared" si="13"/>
        <v>3528.5000000000023</v>
      </c>
    </row>
    <row r="864" spans="1:3" x14ac:dyDescent="0.25">
      <c r="A864" s="1">
        <v>41686</v>
      </c>
      <c r="B864">
        <v>0</v>
      </c>
      <c r="C864">
        <f t="shared" si="13"/>
        <v>3528.5000000000023</v>
      </c>
    </row>
    <row r="865" spans="1:3" x14ac:dyDescent="0.25">
      <c r="A865" s="1">
        <v>41687</v>
      </c>
      <c r="B865">
        <v>25.8</v>
      </c>
      <c r="C865">
        <f t="shared" si="13"/>
        <v>3554.3000000000025</v>
      </c>
    </row>
    <row r="866" spans="1:3" x14ac:dyDescent="0.25">
      <c r="A866" s="1">
        <v>41688</v>
      </c>
      <c r="B866">
        <v>15.2</v>
      </c>
      <c r="C866">
        <f t="shared" si="13"/>
        <v>3569.5000000000023</v>
      </c>
    </row>
    <row r="867" spans="1:3" x14ac:dyDescent="0.25">
      <c r="A867" s="1">
        <v>41689</v>
      </c>
      <c r="B867">
        <v>9.6999999999999993</v>
      </c>
      <c r="C867">
        <f t="shared" si="13"/>
        <v>3579.2000000000021</v>
      </c>
    </row>
    <row r="868" spans="1:3" x14ac:dyDescent="0.25">
      <c r="A868" s="1">
        <v>41690</v>
      </c>
      <c r="B868">
        <v>18.5</v>
      </c>
      <c r="C868">
        <f t="shared" si="13"/>
        <v>3597.7000000000021</v>
      </c>
    </row>
    <row r="869" spans="1:3" x14ac:dyDescent="0.25">
      <c r="A869" s="1">
        <v>41691</v>
      </c>
      <c r="B869">
        <v>1</v>
      </c>
      <c r="C869">
        <f t="shared" si="13"/>
        <v>3598.7000000000021</v>
      </c>
    </row>
    <row r="870" spans="1:3" x14ac:dyDescent="0.25">
      <c r="A870" s="1">
        <v>41692</v>
      </c>
      <c r="B870">
        <v>0</v>
      </c>
      <c r="C870">
        <f t="shared" si="13"/>
        <v>3598.7000000000021</v>
      </c>
    </row>
    <row r="871" spans="1:3" x14ac:dyDescent="0.25">
      <c r="A871" s="1">
        <v>41693</v>
      </c>
      <c r="B871">
        <v>0</v>
      </c>
      <c r="C871">
        <f t="shared" si="13"/>
        <v>3598.7000000000021</v>
      </c>
    </row>
    <row r="872" spans="1:3" x14ac:dyDescent="0.25">
      <c r="A872" s="1">
        <v>41694</v>
      </c>
      <c r="B872">
        <v>22.3</v>
      </c>
      <c r="C872">
        <f t="shared" si="13"/>
        <v>3621.0000000000023</v>
      </c>
    </row>
    <row r="873" spans="1:3" x14ac:dyDescent="0.25">
      <c r="A873" s="1">
        <v>41695</v>
      </c>
      <c r="B873">
        <v>0</v>
      </c>
      <c r="C873">
        <f t="shared" si="13"/>
        <v>3621.0000000000023</v>
      </c>
    </row>
    <row r="874" spans="1:3" x14ac:dyDescent="0.25">
      <c r="A874" s="1">
        <v>41696</v>
      </c>
      <c r="B874">
        <v>0</v>
      </c>
      <c r="C874">
        <f t="shared" si="13"/>
        <v>3621.0000000000023</v>
      </c>
    </row>
    <row r="875" spans="1:3" x14ac:dyDescent="0.25">
      <c r="A875" s="1">
        <v>41697</v>
      </c>
      <c r="B875">
        <v>0.6</v>
      </c>
      <c r="C875">
        <f t="shared" si="13"/>
        <v>3621.6000000000022</v>
      </c>
    </row>
    <row r="876" spans="1:3" x14ac:dyDescent="0.25">
      <c r="A876" s="1">
        <v>41698</v>
      </c>
      <c r="B876">
        <v>0.7</v>
      </c>
      <c r="C876">
        <f t="shared" si="13"/>
        <v>3622.300000000002</v>
      </c>
    </row>
    <row r="877" spans="1:3" x14ac:dyDescent="0.25">
      <c r="A877" s="1">
        <v>41699</v>
      </c>
      <c r="B877">
        <v>0</v>
      </c>
      <c r="C877">
        <f t="shared" si="13"/>
        <v>3622.300000000002</v>
      </c>
    </row>
    <row r="878" spans="1:3" x14ac:dyDescent="0.25">
      <c r="A878" s="1">
        <v>41700</v>
      </c>
      <c r="B878">
        <v>0</v>
      </c>
      <c r="C878">
        <f t="shared" si="13"/>
        <v>3622.300000000002</v>
      </c>
    </row>
    <row r="879" spans="1:3" x14ac:dyDescent="0.25">
      <c r="A879" s="1">
        <v>41701</v>
      </c>
      <c r="B879">
        <v>3.9</v>
      </c>
      <c r="C879">
        <f t="shared" si="13"/>
        <v>3626.2000000000021</v>
      </c>
    </row>
    <row r="880" spans="1:3" x14ac:dyDescent="0.25">
      <c r="A880" s="1">
        <v>41702</v>
      </c>
      <c r="B880">
        <v>0</v>
      </c>
      <c r="C880">
        <f t="shared" si="13"/>
        <v>3626.2000000000021</v>
      </c>
    </row>
    <row r="881" spans="1:3" x14ac:dyDescent="0.25">
      <c r="A881" s="1">
        <v>41703</v>
      </c>
      <c r="B881">
        <v>0</v>
      </c>
      <c r="C881">
        <f t="shared" si="13"/>
        <v>3626.2000000000021</v>
      </c>
    </row>
    <row r="882" spans="1:3" x14ac:dyDescent="0.25">
      <c r="A882" s="1">
        <v>41704</v>
      </c>
      <c r="B882">
        <v>0</v>
      </c>
      <c r="C882">
        <f t="shared" si="13"/>
        <v>3626.2000000000021</v>
      </c>
    </row>
    <row r="883" spans="1:3" x14ac:dyDescent="0.25">
      <c r="A883" s="1">
        <v>41705</v>
      </c>
      <c r="B883">
        <v>0</v>
      </c>
      <c r="C883">
        <f t="shared" si="13"/>
        <v>3626.2000000000021</v>
      </c>
    </row>
    <row r="884" spans="1:3" x14ac:dyDescent="0.25">
      <c r="A884" s="1">
        <v>41706</v>
      </c>
      <c r="B884">
        <v>0</v>
      </c>
      <c r="C884">
        <f t="shared" si="13"/>
        <v>3626.2000000000021</v>
      </c>
    </row>
    <row r="885" spans="1:3" x14ac:dyDescent="0.25">
      <c r="A885" s="1">
        <v>41707</v>
      </c>
      <c r="B885">
        <v>0</v>
      </c>
      <c r="C885">
        <f t="shared" si="13"/>
        <v>3626.2000000000021</v>
      </c>
    </row>
    <row r="886" spans="1:3" x14ac:dyDescent="0.25">
      <c r="A886" s="1">
        <v>41708</v>
      </c>
      <c r="B886">
        <v>0</v>
      </c>
      <c r="C886">
        <f t="shared" si="13"/>
        <v>3626.2000000000021</v>
      </c>
    </row>
    <row r="887" spans="1:3" x14ac:dyDescent="0.25">
      <c r="A887" s="1">
        <v>41709</v>
      </c>
      <c r="B887">
        <v>0</v>
      </c>
      <c r="C887">
        <f t="shared" si="13"/>
        <v>3626.2000000000021</v>
      </c>
    </row>
    <row r="888" spans="1:3" x14ac:dyDescent="0.25">
      <c r="A888" s="1">
        <v>41710</v>
      </c>
      <c r="B888">
        <v>0</v>
      </c>
      <c r="C888">
        <f t="shared" si="13"/>
        <v>3626.2000000000021</v>
      </c>
    </row>
    <row r="889" spans="1:3" x14ac:dyDescent="0.25">
      <c r="A889" s="1">
        <v>41711</v>
      </c>
      <c r="B889">
        <v>0</v>
      </c>
      <c r="C889">
        <f t="shared" si="13"/>
        <v>3626.2000000000021</v>
      </c>
    </row>
    <row r="890" spans="1:3" x14ac:dyDescent="0.25">
      <c r="A890" s="1">
        <v>41712</v>
      </c>
      <c r="B890">
        <v>0</v>
      </c>
      <c r="C890">
        <f t="shared" si="13"/>
        <v>3626.2000000000021</v>
      </c>
    </row>
    <row r="891" spans="1:3" x14ac:dyDescent="0.25">
      <c r="A891" s="1">
        <v>41713</v>
      </c>
      <c r="B891">
        <v>0</v>
      </c>
      <c r="C891">
        <f t="shared" si="13"/>
        <v>3626.2000000000021</v>
      </c>
    </row>
    <row r="892" spans="1:3" x14ac:dyDescent="0.25">
      <c r="A892" s="1">
        <v>41714</v>
      </c>
      <c r="B892">
        <v>0</v>
      </c>
      <c r="C892">
        <f t="shared" si="13"/>
        <v>3626.2000000000021</v>
      </c>
    </row>
    <row r="893" spans="1:3" x14ac:dyDescent="0.25">
      <c r="A893" s="1">
        <v>41715</v>
      </c>
      <c r="B893">
        <v>0</v>
      </c>
      <c r="C893">
        <f t="shared" si="13"/>
        <v>3626.2000000000021</v>
      </c>
    </row>
    <row r="894" spans="1:3" x14ac:dyDescent="0.25">
      <c r="A894" s="1">
        <v>41716</v>
      </c>
      <c r="B894">
        <v>0</v>
      </c>
      <c r="C894">
        <f t="shared" si="13"/>
        <v>3626.2000000000021</v>
      </c>
    </row>
    <row r="895" spans="1:3" x14ac:dyDescent="0.25">
      <c r="A895" s="1">
        <v>41717</v>
      </c>
      <c r="B895">
        <v>0</v>
      </c>
      <c r="C895">
        <f t="shared" si="13"/>
        <v>3626.2000000000021</v>
      </c>
    </row>
    <row r="896" spans="1:3" x14ac:dyDescent="0.25">
      <c r="A896" s="1">
        <v>41718</v>
      </c>
      <c r="B896">
        <v>0</v>
      </c>
      <c r="C896">
        <f t="shared" si="13"/>
        <v>3626.2000000000021</v>
      </c>
    </row>
    <row r="897" spans="1:3" x14ac:dyDescent="0.25">
      <c r="A897" s="1">
        <v>41719</v>
      </c>
      <c r="B897">
        <v>0</v>
      </c>
      <c r="C897">
        <f t="shared" si="13"/>
        <v>3626.2000000000021</v>
      </c>
    </row>
    <row r="898" spans="1:3" x14ac:dyDescent="0.25">
      <c r="A898" s="1">
        <v>41720</v>
      </c>
      <c r="B898">
        <v>0</v>
      </c>
      <c r="C898">
        <f t="shared" si="13"/>
        <v>3626.2000000000021</v>
      </c>
    </row>
    <row r="899" spans="1:3" x14ac:dyDescent="0.25">
      <c r="A899" s="1">
        <v>41721</v>
      </c>
      <c r="B899">
        <v>0</v>
      </c>
      <c r="C899">
        <f t="shared" si="13"/>
        <v>3626.2000000000021</v>
      </c>
    </row>
    <row r="900" spans="1:3" x14ac:dyDescent="0.25">
      <c r="A900" s="1">
        <v>41722</v>
      </c>
      <c r="B900">
        <v>18.8</v>
      </c>
      <c r="C900">
        <f t="shared" si="13"/>
        <v>3645.0000000000023</v>
      </c>
    </row>
    <row r="901" spans="1:3" x14ac:dyDescent="0.25">
      <c r="A901" s="1">
        <v>41723</v>
      </c>
      <c r="B901">
        <v>5.6</v>
      </c>
      <c r="C901">
        <f t="shared" ref="C901:C964" si="14">B901+C900</f>
        <v>3650.6000000000022</v>
      </c>
    </row>
    <row r="902" spans="1:3" x14ac:dyDescent="0.25">
      <c r="A902" s="1">
        <v>41724</v>
      </c>
      <c r="B902">
        <v>3.2</v>
      </c>
      <c r="C902">
        <f t="shared" si="14"/>
        <v>3653.800000000002</v>
      </c>
    </row>
    <row r="903" spans="1:3" x14ac:dyDescent="0.25">
      <c r="A903" s="1">
        <v>41725</v>
      </c>
      <c r="B903">
        <v>0.2</v>
      </c>
      <c r="C903">
        <f t="shared" si="14"/>
        <v>3654.0000000000018</v>
      </c>
    </row>
    <row r="904" spans="1:3" x14ac:dyDescent="0.25">
      <c r="A904" s="1">
        <v>41726</v>
      </c>
      <c r="B904">
        <v>0.4</v>
      </c>
      <c r="C904">
        <f t="shared" si="14"/>
        <v>3654.4000000000019</v>
      </c>
    </row>
    <row r="905" spans="1:3" x14ac:dyDescent="0.25">
      <c r="A905" s="1">
        <v>41727</v>
      </c>
      <c r="B905">
        <v>0</v>
      </c>
      <c r="C905">
        <f t="shared" si="14"/>
        <v>3654.4000000000019</v>
      </c>
    </row>
    <row r="906" spans="1:3" x14ac:dyDescent="0.25">
      <c r="A906" s="1">
        <v>41728</v>
      </c>
      <c r="B906">
        <v>0</v>
      </c>
      <c r="C906">
        <f t="shared" si="14"/>
        <v>3654.4000000000019</v>
      </c>
    </row>
    <row r="907" spans="1:3" x14ac:dyDescent="0.25">
      <c r="A907" s="1">
        <v>41729</v>
      </c>
      <c r="B907">
        <v>0</v>
      </c>
      <c r="C907">
        <f t="shared" si="14"/>
        <v>3654.4000000000019</v>
      </c>
    </row>
    <row r="908" spans="1:3" x14ac:dyDescent="0.25">
      <c r="A908" s="1">
        <v>41730</v>
      </c>
      <c r="B908">
        <v>0</v>
      </c>
      <c r="C908">
        <f t="shared" si="14"/>
        <v>3654.4000000000019</v>
      </c>
    </row>
    <row r="909" spans="1:3" x14ac:dyDescent="0.25">
      <c r="A909" s="1">
        <v>41731</v>
      </c>
      <c r="B909">
        <v>0</v>
      </c>
      <c r="C909">
        <f t="shared" si="14"/>
        <v>3654.4000000000019</v>
      </c>
    </row>
    <row r="910" spans="1:3" x14ac:dyDescent="0.25">
      <c r="A910" s="1">
        <v>41732</v>
      </c>
      <c r="B910">
        <v>0</v>
      </c>
      <c r="C910">
        <f t="shared" si="14"/>
        <v>3654.4000000000019</v>
      </c>
    </row>
    <row r="911" spans="1:3" x14ac:dyDescent="0.25">
      <c r="A911" s="1">
        <v>41733</v>
      </c>
      <c r="B911">
        <v>0</v>
      </c>
      <c r="C911">
        <f t="shared" si="14"/>
        <v>3654.4000000000019</v>
      </c>
    </row>
    <row r="912" spans="1:3" x14ac:dyDescent="0.25">
      <c r="A912" s="1">
        <v>41734</v>
      </c>
      <c r="B912">
        <v>0</v>
      </c>
      <c r="C912">
        <f t="shared" si="14"/>
        <v>3654.4000000000019</v>
      </c>
    </row>
    <row r="913" spans="1:3" x14ac:dyDescent="0.25">
      <c r="A913" s="1">
        <v>41735</v>
      </c>
      <c r="B913">
        <v>0</v>
      </c>
      <c r="C913">
        <f t="shared" si="14"/>
        <v>3654.4000000000019</v>
      </c>
    </row>
    <row r="914" spans="1:3" x14ac:dyDescent="0.25">
      <c r="A914" s="1">
        <v>41736</v>
      </c>
      <c r="B914">
        <v>17.8</v>
      </c>
      <c r="C914">
        <f t="shared" si="14"/>
        <v>3672.2000000000021</v>
      </c>
    </row>
    <row r="915" spans="1:3" x14ac:dyDescent="0.25">
      <c r="A915" s="1">
        <v>41737</v>
      </c>
      <c r="B915">
        <v>0</v>
      </c>
      <c r="C915">
        <f t="shared" si="14"/>
        <v>3672.2000000000021</v>
      </c>
    </row>
    <row r="916" spans="1:3" x14ac:dyDescent="0.25">
      <c r="A916" s="1">
        <v>41738</v>
      </c>
      <c r="B916">
        <v>6.3</v>
      </c>
      <c r="C916">
        <f t="shared" si="14"/>
        <v>3678.5000000000023</v>
      </c>
    </row>
    <row r="917" spans="1:3" x14ac:dyDescent="0.25">
      <c r="A917" s="1">
        <v>41739</v>
      </c>
      <c r="B917">
        <v>0</v>
      </c>
      <c r="C917">
        <f t="shared" si="14"/>
        <v>3678.5000000000023</v>
      </c>
    </row>
    <row r="918" spans="1:3" x14ac:dyDescent="0.25">
      <c r="A918" s="1">
        <v>41740</v>
      </c>
      <c r="B918">
        <v>0</v>
      </c>
      <c r="C918">
        <f t="shared" si="14"/>
        <v>3678.5000000000023</v>
      </c>
    </row>
    <row r="919" spans="1:3" x14ac:dyDescent="0.25">
      <c r="A919" s="1">
        <v>41741</v>
      </c>
      <c r="B919">
        <v>0</v>
      </c>
      <c r="C919">
        <f t="shared" si="14"/>
        <v>3678.5000000000023</v>
      </c>
    </row>
    <row r="920" spans="1:3" x14ac:dyDescent="0.25">
      <c r="A920" s="1">
        <v>41742</v>
      </c>
      <c r="B920">
        <v>0</v>
      </c>
      <c r="C920">
        <f t="shared" si="14"/>
        <v>3678.5000000000023</v>
      </c>
    </row>
    <row r="921" spans="1:3" x14ac:dyDescent="0.25">
      <c r="A921" s="1">
        <v>41743</v>
      </c>
      <c r="B921">
        <v>3.5</v>
      </c>
      <c r="C921">
        <f t="shared" si="14"/>
        <v>3682.0000000000023</v>
      </c>
    </row>
    <row r="922" spans="1:3" x14ac:dyDescent="0.25">
      <c r="A922" s="1">
        <v>41744</v>
      </c>
      <c r="B922">
        <v>1.2</v>
      </c>
      <c r="C922">
        <f t="shared" si="14"/>
        <v>3683.2000000000021</v>
      </c>
    </row>
    <row r="923" spans="1:3" x14ac:dyDescent="0.25">
      <c r="A923" s="1">
        <v>41745</v>
      </c>
      <c r="B923">
        <v>0</v>
      </c>
      <c r="C923">
        <f t="shared" si="14"/>
        <v>3683.2000000000021</v>
      </c>
    </row>
    <row r="924" spans="1:3" x14ac:dyDescent="0.25">
      <c r="A924" s="1">
        <v>41746</v>
      </c>
      <c r="B924">
        <v>0</v>
      </c>
      <c r="C924">
        <f t="shared" si="14"/>
        <v>3683.2000000000021</v>
      </c>
    </row>
    <row r="925" spans="1:3" x14ac:dyDescent="0.25">
      <c r="A925" s="1">
        <v>41747</v>
      </c>
      <c r="B925">
        <v>0</v>
      </c>
      <c r="C925">
        <f t="shared" si="14"/>
        <v>3683.2000000000021</v>
      </c>
    </row>
    <row r="926" spans="1:3" x14ac:dyDescent="0.25">
      <c r="A926" s="1">
        <v>41748</v>
      </c>
      <c r="B926">
        <v>0</v>
      </c>
      <c r="C926">
        <f t="shared" si="14"/>
        <v>3683.2000000000021</v>
      </c>
    </row>
    <row r="927" spans="1:3" x14ac:dyDescent="0.25">
      <c r="A927" s="1">
        <v>41749</v>
      </c>
      <c r="B927">
        <v>0</v>
      </c>
      <c r="C927">
        <f t="shared" si="14"/>
        <v>3683.2000000000021</v>
      </c>
    </row>
    <row r="928" spans="1:3" x14ac:dyDescent="0.25">
      <c r="A928" s="1">
        <v>41750</v>
      </c>
      <c r="B928">
        <v>0</v>
      </c>
      <c r="C928">
        <f t="shared" si="14"/>
        <v>3683.2000000000021</v>
      </c>
    </row>
    <row r="929" spans="1:3" x14ac:dyDescent="0.25">
      <c r="A929" s="1">
        <v>41751</v>
      </c>
      <c r="B929">
        <v>31.4</v>
      </c>
      <c r="C929">
        <f t="shared" si="14"/>
        <v>3714.6000000000022</v>
      </c>
    </row>
    <row r="930" spans="1:3" x14ac:dyDescent="0.25">
      <c r="A930" s="1">
        <v>41752</v>
      </c>
      <c r="B930">
        <v>1.4</v>
      </c>
      <c r="C930">
        <f t="shared" si="14"/>
        <v>3716.0000000000023</v>
      </c>
    </row>
    <row r="931" spans="1:3" x14ac:dyDescent="0.25">
      <c r="A931" s="1">
        <v>41753</v>
      </c>
      <c r="B931">
        <v>0.2</v>
      </c>
      <c r="C931">
        <f t="shared" si="14"/>
        <v>3716.2000000000021</v>
      </c>
    </row>
    <row r="932" spans="1:3" x14ac:dyDescent="0.25">
      <c r="A932" s="1">
        <v>41754</v>
      </c>
      <c r="B932">
        <v>0.5</v>
      </c>
      <c r="C932">
        <f t="shared" si="14"/>
        <v>3716.7000000000021</v>
      </c>
    </row>
    <row r="933" spans="1:3" x14ac:dyDescent="0.25">
      <c r="A933" s="1">
        <v>41755</v>
      </c>
      <c r="B933">
        <v>0</v>
      </c>
      <c r="C933">
        <f t="shared" si="14"/>
        <v>3716.7000000000021</v>
      </c>
    </row>
    <row r="934" spans="1:3" x14ac:dyDescent="0.25">
      <c r="A934" s="1">
        <v>41756</v>
      </c>
      <c r="B934">
        <v>0</v>
      </c>
      <c r="C934">
        <f t="shared" si="14"/>
        <v>3716.7000000000021</v>
      </c>
    </row>
    <row r="935" spans="1:3" x14ac:dyDescent="0.25">
      <c r="A935" s="1">
        <v>41757</v>
      </c>
      <c r="B935">
        <v>0</v>
      </c>
      <c r="C935">
        <f t="shared" si="14"/>
        <v>3716.7000000000021</v>
      </c>
    </row>
    <row r="936" spans="1:3" x14ac:dyDescent="0.25">
      <c r="A936" s="1">
        <v>41758</v>
      </c>
      <c r="B936">
        <v>0</v>
      </c>
      <c r="C936">
        <f t="shared" si="14"/>
        <v>3716.7000000000021</v>
      </c>
    </row>
    <row r="937" spans="1:3" x14ac:dyDescent="0.25">
      <c r="A937" s="1">
        <v>41759</v>
      </c>
      <c r="B937">
        <v>0</v>
      </c>
      <c r="C937">
        <f t="shared" si="14"/>
        <v>3716.7000000000021</v>
      </c>
    </row>
    <row r="938" spans="1:3" x14ac:dyDescent="0.25">
      <c r="A938" s="1">
        <v>41760</v>
      </c>
      <c r="B938">
        <v>0</v>
      </c>
      <c r="C938">
        <f t="shared" si="14"/>
        <v>3716.7000000000021</v>
      </c>
    </row>
    <row r="939" spans="1:3" x14ac:dyDescent="0.25">
      <c r="A939" s="1">
        <v>41761</v>
      </c>
      <c r="B939">
        <v>0</v>
      </c>
      <c r="C939">
        <f t="shared" si="14"/>
        <v>3716.7000000000021</v>
      </c>
    </row>
    <row r="940" spans="1:3" x14ac:dyDescent="0.25">
      <c r="A940" s="1">
        <v>41762</v>
      </c>
      <c r="B940">
        <v>0</v>
      </c>
      <c r="C940">
        <f t="shared" si="14"/>
        <v>3716.7000000000021</v>
      </c>
    </row>
    <row r="941" spans="1:3" x14ac:dyDescent="0.25">
      <c r="A941" s="1">
        <v>41763</v>
      </c>
      <c r="B941">
        <v>0</v>
      </c>
      <c r="C941">
        <f t="shared" si="14"/>
        <v>3716.7000000000021</v>
      </c>
    </row>
    <row r="942" spans="1:3" x14ac:dyDescent="0.25">
      <c r="A942" s="1">
        <v>41764</v>
      </c>
      <c r="B942">
        <v>73.5</v>
      </c>
      <c r="C942">
        <f t="shared" si="14"/>
        <v>3790.2000000000021</v>
      </c>
    </row>
    <row r="943" spans="1:3" x14ac:dyDescent="0.25">
      <c r="A943" s="1">
        <v>41765</v>
      </c>
      <c r="B943">
        <v>0</v>
      </c>
      <c r="C943">
        <f t="shared" si="14"/>
        <v>3790.2000000000021</v>
      </c>
    </row>
    <row r="944" spans="1:3" x14ac:dyDescent="0.25">
      <c r="A944" s="1">
        <v>41766</v>
      </c>
      <c r="B944">
        <v>0</v>
      </c>
      <c r="C944">
        <f t="shared" si="14"/>
        <v>3790.2000000000021</v>
      </c>
    </row>
    <row r="945" spans="1:3" x14ac:dyDescent="0.25">
      <c r="A945" s="1">
        <v>41767</v>
      </c>
      <c r="B945">
        <v>4.3</v>
      </c>
      <c r="C945">
        <f t="shared" si="14"/>
        <v>3794.5000000000023</v>
      </c>
    </row>
    <row r="946" spans="1:3" x14ac:dyDescent="0.25">
      <c r="A946" s="1">
        <v>41768</v>
      </c>
      <c r="B946">
        <v>0</v>
      </c>
      <c r="C946">
        <f t="shared" si="14"/>
        <v>3794.5000000000023</v>
      </c>
    </row>
    <row r="947" spans="1:3" x14ac:dyDescent="0.25">
      <c r="A947" s="1">
        <v>41769</v>
      </c>
      <c r="B947">
        <v>0</v>
      </c>
      <c r="C947">
        <f t="shared" si="14"/>
        <v>3794.5000000000023</v>
      </c>
    </row>
    <row r="948" spans="1:3" x14ac:dyDescent="0.25">
      <c r="A948" s="1">
        <v>41770</v>
      </c>
      <c r="B948">
        <v>0</v>
      </c>
      <c r="C948">
        <f t="shared" si="14"/>
        <v>3794.5000000000023</v>
      </c>
    </row>
    <row r="949" spans="1:3" x14ac:dyDescent="0.25">
      <c r="A949" s="1">
        <v>41771</v>
      </c>
      <c r="B949">
        <v>0</v>
      </c>
      <c r="C949">
        <f t="shared" si="14"/>
        <v>3794.5000000000023</v>
      </c>
    </row>
    <row r="950" spans="1:3" x14ac:dyDescent="0.25">
      <c r="A950" s="1">
        <v>41772</v>
      </c>
      <c r="B950">
        <v>41.7</v>
      </c>
      <c r="C950">
        <f t="shared" si="14"/>
        <v>3836.2000000000021</v>
      </c>
    </row>
    <row r="951" spans="1:3" x14ac:dyDescent="0.25">
      <c r="A951" s="1">
        <v>41773</v>
      </c>
      <c r="B951">
        <v>11.9</v>
      </c>
      <c r="C951">
        <f t="shared" si="14"/>
        <v>3848.1000000000022</v>
      </c>
    </row>
    <row r="952" spans="1:3" x14ac:dyDescent="0.25">
      <c r="A952" s="1">
        <v>41774</v>
      </c>
      <c r="B952">
        <v>0</v>
      </c>
      <c r="C952">
        <f t="shared" si="14"/>
        <v>3848.1000000000022</v>
      </c>
    </row>
    <row r="953" spans="1:3" x14ac:dyDescent="0.25">
      <c r="A953" s="1">
        <v>41775</v>
      </c>
      <c r="B953">
        <v>0</v>
      </c>
      <c r="C953">
        <f t="shared" si="14"/>
        <v>3848.1000000000022</v>
      </c>
    </row>
    <row r="954" spans="1:3" x14ac:dyDescent="0.25">
      <c r="A954" s="1">
        <v>41776</v>
      </c>
      <c r="B954">
        <v>0</v>
      </c>
      <c r="C954">
        <f t="shared" si="14"/>
        <v>3848.1000000000022</v>
      </c>
    </row>
    <row r="955" spans="1:3" x14ac:dyDescent="0.25">
      <c r="A955" s="1">
        <v>41777</v>
      </c>
      <c r="B955">
        <v>0</v>
      </c>
      <c r="C955">
        <f t="shared" si="14"/>
        <v>3848.1000000000022</v>
      </c>
    </row>
    <row r="956" spans="1:3" x14ac:dyDescent="0.25">
      <c r="A956" s="1">
        <v>41778</v>
      </c>
      <c r="B956">
        <v>3.6</v>
      </c>
      <c r="C956">
        <f t="shared" si="14"/>
        <v>3851.7000000000021</v>
      </c>
    </row>
    <row r="957" spans="1:3" x14ac:dyDescent="0.25">
      <c r="A957" s="1">
        <v>41779</v>
      </c>
      <c r="B957">
        <v>0</v>
      </c>
      <c r="C957">
        <f t="shared" si="14"/>
        <v>3851.7000000000021</v>
      </c>
    </row>
    <row r="958" spans="1:3" x14ac:dyDescent="0.25">
      <c r="A958" s="1">
        <v>41780</v>
      </c>
      <c r="B958">
        <v>0</v>
      </c>
      <c r="C958">
        <f t="shared" si="14"/>
        <v>3851.7000000000021</v>
      </c>
    </row>
    <row r="959" spans="1:3" x14ac:dyDescent="0.25">
      <c r="A959" s="1">
        <v>41781</v>
      </c>
      <c r="B959">
        <v>0</v>
      </c>
      <c r="C959">
        <f t="shared" si="14"/>
        <v>3851.7000000000021</v>
      </c>
    </row>
    <row r="960" spans="1:3" x14ac:dyDescent="0.25">
      <c r="A960" s="1">
        <v>41782</v>
      </c>
      <c r="B960">
        <v>0</v>
      </c>
      <c r="C960">
        <f t="shared" si="14"/>
        <v>3851.7000000000021</v>
      </c>
    </row>
    <row r="961" spans="1:3" x14ac:dyDescent="0.25">
      <c r="A961" s="1">
        <v>41783</v>
      </c>
      <c r="B961">
        <v>0</v>
      </c>
      <c r="C961">
        <f t="shared" si="14"/>
        <v>3851.7000000000021</v>
      </c>
    </row>
    <row r="962" spans="1:3" x14ac:dyDescent="0.25">
      <c r="A962" s="1">
        <v>41784</v>
      </c>
      <c r="B962">
        <v>0</v>
      </c>
      <c r="C962">
        <f t="shared" si="14"/>
        <v>3851.7000000000021</v>
      </c>
    </row>
    <row r="963" spans="1:3" x14ac:dyDescent="0.25">
      <c r="A963" s="1">
        <v>41785</v>
      </c>
      <c r="B963">
        <v>0</v>
      </c>
      <c r="C963">
        <f t="shared" si="14"/>
        <v>3851.7000000000021</v>
      </c>
    </row>
    <row r="964" spans="1:3" x14ac:dyDescent="0.25">
      <c r="A964" s="1">
        <v>41786</v>
      </c>
      <c r="B964">
        <v>9.1</v>
      </c>
      <c r="C964">
        <f t="shared" si="14"/>
        <v>3860.800000000002</v>
      </c>
    </row>
    <row r="965" spans="1:3" x14ac:dyDescent="0.25">
      <c r="A965" s="1">
        <v>41787</v>
      </c>
      <c r="B965">
        <v>0</v>
      </c>
      <c r="C965">
        <f t="shared" ref="C965:C1028" si="15">B965+C964</f>
        <v>3860.800000000002</v>
      </c>
    </row>
    <row r="966" spans="1:3" x14ac:dyDescent="0.25">
      <c r="A966" s="1">
        <v>41788</v>
      </c>
      <c r="B966">
        <v>16.8</v>
      </c>
      <c r="C966">
        <f t="shared" si="15"/>
        <v>3877.6000000000022</v>
      </c>
    </row>
    <row r="967" spans="1:3" x14ac:dyDescent="0.25">
      <c r="A967" s="1">
        <v>41789</v>
      </c>
      <c r="B967">
        <v>7.5</v>
      </c>
      <c r="C967">
        <f t="shared" si="15"/>
        <v>3885.1000000000022</v>
      </c>
    </row>
    <row r="968" spans="1:3" x14ac:dyDescent="0.25">
      <c r="A968" s="1">
        <v>41790</v>
      </c>
      <c r="B968">
        <v>0</v>
      </c>
      <c r="C968">
        <f t="shared" si="15"/>
        <v>3885.1000000000022</v>
      </c>
    </row>
    <row r="969" spans="1:3" x14ac:dyDescent="0.25">
      <c r="A969" s="1">
        <v>41791</v>
      </c>
      <c r="B969">
        <v>0</v>
      </c>
      <c r="C969">
        <f t="shared" si="15"/>
        <v>3885.1000000000022</v>
      </c>
    </row>
    <row r="970" spans="1:3" x14ac:dyDescent="0.25">
      <c r="A970" s="1">
        <v>41792</v>
      </c>
      <c r="B970">
        <v>0.6</v>
      </c>
      <c r="C970">
        <f t="shared" si="15"/>
        <v>3885.7000000000021</v>
      </c>
    </row>
    <row r="971" spans="1:3" x14ac:dyDescent="0.25">
      <c r="A971" s="1">
        <v>41793</v>
      </c>
      <c r="B971">
        <v>0</v>
      </c>
      <c r="C971">
        <f t="shared" si="15"/>
        <v>3885.7000000000021</v>
      </c>
    </row>
    <row r="972" spans="1:3" x14ac:dyDescent="0.25">
      <c r="A972" s="1">
        <v>41794</v>
      </c>
      <c r="B972">
        <v>9.6</v>
      </c>
      <c r="C972">
        <f t="shared" si="15"/>
        <v>3895.300000000002</v>
      </c>
    </row>
    <row r="973" spans="1:3" x14ac:dyDescent="0.25">
      <c r="A973" s="1">
        <v>41795</v>
      </c>
      <c r="B973">
        <v>1.7</v>
      </c>
      <c r="C973">
        <f t="shared" si="15"/>
        <v>3897.0000000000018</v>
      </c>
    </row>
    <row r="974" spans="1:3" x14ac:dyDescent="0.25">
      <c r="A974" s="1">
        <v>41796</v>
      </c>
      <c r="B974">
        <v>0.3</v>
      </c>
      <c r="C974">
        <f t="shared" si="15"/>
        <v>3897.300000000002</v>
      </c>
    </row>
    <row r="975" spans="1:3" x14ac:dyDescent="0.25">
      <c r="A975" s="1">
        <v>41797</v>
      </c>
      <c r="B975">
        <v>0</v>
      </c>
      <c r="C975">
        <f t="shared" si="15"/>
        <v>3897.300000000002</v>
      </c>
    </row>
    <row r="976" spans="1:3" x14ac:dyDescent="0.25">
      <c r="A976" s="1">
        <v>41798</v>
      </c>
      <c r="B976">
        <v>0</v>
      </c>
      <c r="C976">
        <f t="shared" si="15"/>
        <v>3897.300000000002</v>
      </c>
    </row>
    <row r="977" spans="1:3" x14ac:dyDescent="0.25">
      <c r="A977" s="1">
        <v>41799</v>
      </c>
      <c r="B977">
        <v>0</v>
      </c>
      <c r="C977">
        <f t="shared" si="15"/>
        <v>3897.300000000002</v>
      </c>
    </row>
    <row r="978" spans="1:3" x14ac:dyDescent="0.25">
      <c r="A978" s="1">
        <v>41800</v>
      </c>
      <c r="B978">
        <v>0</v>
      </c>
      <c r="C978">
        <f t="shared" si="15"/>
        <v>3897.300000000002</v>
      </c>
    </row>
    <row r="979" spans="1:3" x14ac:dyDescent="0.25">
      <c r="A979" s="1">
        <v>41801</v>
      </c>
      <c r="B979">
        <v>0</v>
      </c>
      <c r="C979">
        <f t="shared" si="15"/>
        <v>3897.300000000002</v>
      </c>
    </row>
    <row r="980" spans="1:3" x14ac:dyDescent="0.25">
      <c r="A980" s="1">
        <v>41802</v>
      </c>
      <c r="B980">
        <v>0</v>
      </c>
      <c r="C980">
        <f t="shared" si="15"/>
        <v>3897.300000000002</v>
      </c>
    </row>
    <row r="981" spans="1:3" x14ac:dyDescent="0.25">
      <c r="A981" s="1">
        <v>41803</v>
      </c>
      <c r="B981">
        <v>2.1</v>
      </c>
      <c r="C981">
        <f t="shared" si="15"/>
        <v>3899.4000000000019</v>
      </c>
    </row>
    <row r="982" spans="1:3" x14ac:dyDescent="0.25">
      <c r="A982" s="1">
        <v>41804</v>
      </c>
      <c r="B982">
        <v>0</v>
      </c>
      <c r="C982">
        <f t="shared" si="15"/>
        <v>3899.4000000000019</v>
      </c>
    </row>
    <row r="983" spans="1:3" x14ac:dyDescent="0.25">
      <c r="A983" s="1">
        <v>41805</v>
      </c>
      <c r="B983">
        <v>0</v>
      </c>
      <c r="C983">
        <f t="shared" si="15"/>
        <v>3899.4000000000019</v>
      </c>
    </row>
    <row r="984" spans="1:3" x14ac:dyDescent="0.25">
      <c r="A984" s="1">
        <v>41806</v>
      </c>
      <c r="B984">
        <v>10.3</v>
      </c>
      <c r="C984">
        <f t="shared" si="15"/>
        <v>3909.7000000000021</v>
      </c>
    </row>
    <row r="985" spans="1:3" x14ac:dyDescent="0.25">
      <c r="A985" s="1">
        <v>41807</v>
      </c>
      <c r="B985">
        <v>0</v>
      </c>
      <c r="C985">
        <f t="shared" si="15"/>
        <v>3909.7000000000021</v>
      </c>
    </row>
    <row r="986" spans="1:3" x14ac:dyDescent="0.25">
      <c r="A986" s="1">
        <v>41808</v>
      </c>
      <c r="B986">
        <v>0</v>
      </c>
      <c r="C986">
        <f t="shared" si="15"/>
        <v>3909.7000000000021</v>
      </c>
    </row>
    <row r="987" spans="1:3" x14ac:dyDescent="0.25">
      <c r="A987" s="1">
        <v>41809</v>
      </c>
      <c r="B987">
        <v>0</v>
      </c>
      <c r="C987">
        <f t="shared" si="15"/>
        <v>3909.7000000000021</v>
      </c>
    </row>
    <row r="988" spans="1:3" x14ac:dyDescent="0.25">
      <c r="A988" s="1">
        <v>41810</v>
      </c>
      <c r="B988">
        <v>0</v>
      </c>
      <c r="C988">
        <f t="shared" si="15"/>
        <v>3909.7000000000021</v>
      </c>
    </row>
    <row r="989" spans="1:3" x14ac:dyDescent="0.25">
      <c r="A989" s="1">
        <v>41811</v>
      </c>
      <c r="B989">
        <v>0</v>
      </c>
      <c r="C989">
        <f t="shared" si="15"/>
        <v>3909.7000000000021</v>
      </c>
    </row>
    <row r="990" spans="1:3" x14ac:dyDescent="0.25">
      <c r="A990" s="1">
        <v>41812</v>
      </c>
      <c r="B990">
        <v>0</v>
      </c>
      <c r="C990">
        <f t="shared" si="15"/>
        <v>3909.7000000000021</v>
      </c>
    </row>
    <row r="991" spans="1:3" x14ac:dyDescent="0.25">
      <c r="A991" s="1">
        <v>41813</v>
      </c>
      <c r="B991">
        <v>4.0999999999999996</v>
      </c>
      <c r="C991">
        <f t="shared" si="15"/>
        <v>3913.800000000002</v>
      </c>
    </row>
    <row r="992" spans="1:3" x14ac:dyDescent="0.25">
      <c r="A992" s="1">
        <v>41814</v>
      </c>
      <c r="B992">
        <v>25.5</v>
      </c>
      <c r="C992">
        <f t="shared" si="15"/>
        <v>3939.300000000002</v>
      </c>
    </row>
    <row r="993" spans="1:3" x14ac:dyDescent="0.25">
      <c r="A993" s="1">
        <v>41815</v>
      </c>
      <c r="B993">
        <v>0</v>
      </c>
      <c r="C993">
        <f t="shared" si="15"/>
        <v>3939.300000000002</v>
      </c>
    </row>
    <row r="994" spans="1:3" x14ac:dyDescent="0.25">
      <c r="A994" s="1">
        <v>41816</v>
      </c>
      <c r="B994">
        <v>30.2</v>
      </c>
      <c r="C994">
        <f t="shared" si="15"/>
        <v>3969.5000000000018</v>
      </c>
    </row>
    <row r="995" spans="1:3" x14ac:dyDescent="0.25">
      <c r="A995" s="1">
        <v>41817</v>
      </c>
      <c r="B995">
        <v>0</v>
      </c>
      <c r="C995">
        <f t="shared" si="15"/>
        <v>3969.5000000000018</v>
      </c>
    </row>
    <row r="996" spans="1:3" x14ac:dyDescent="0.25">
      <c r="A996" s="1">
        <v>41818</v>
      </c>
      <c r="B996">
        <v>0</v>
      </c>
      <c r="C996">
        <f t="shared" si="15"/>
        <v>3969.5000000000018</v>
      </c>
    </row>
    <row r="997" spans="1:3" x14ac:dyDescent="0.25">
      <c r="A997" s="1">
        <v>41819</v>
      </c>
      <c r="B997">
        <v>0</v>
      </c>
      <c r="C997">
        <f t="shared" si="15"/>
        <v>3969.5000000000018</v>
      </c>
    </row>
    <row r="998" spans="1:3" x14ac:dyDescent="0.25">
      <c r="A998" s="1">
        <v>41820</v>
      </c>
      <c r="B998">
        <v>55.1</v>
      </c>
      <c r="C998">
        <f t="shared" si="15"/>
        <v>4024.6000000000017</v>
      </c>
    </row>
    <row r="999" spans="1:3" x14ac:dyDescent="0.25">
      <c r="A999" s="1">
        <v>41821</v>
      </c>
      <c r="B999">
        <v>1.8</v>
      </c>
      <c r="C999">
        <f t="shared" si="15"/>
        <v>4026.4000000000019</v>
      </c>
    </row>
    <row r="1000" spans="1:3" x14ac:dyDescent="0.25">
      <c r="A1000" s="1">
        <v>41822</v>
      </c>
      <c r="B1000">
        <v>0</v>
      </c>
      <c r="C1000">
        <f t="shared" si="15"/>
        <v>4026.4000000000019</v>
      </c>
    </row>
    <row r="1001" spans="1:3" x14ac:dyDescent="0.25">
      <c r="A1001" s="1">
        <v>41823</v>
      </c>
      <c r="B1001">
        <v>5.9</v>
      </c>
      <c r="C1001">
        <f t="shared" si="15"/>
        <v>4032.300000000002</v>
      </c>
    </row>
    <row r="1002" spans="1:3" x14ac:dyDescent="0.25">
      <c r="A1002" s="1">
        <v>41824</v>
      </c>
      <c r="B1002">
        <v>0</v>
      </c>
      <c r="C1002">
        <f t="shared" si="15"/>
        <v>4032.300000000002</v>
      </c>
    </row>
    <row r="1003" spans="1:3" x14ac:dyDescent="0.25">
      <c r="A1003" s="1">
        <v>41825</v>
      </c>
      <c r="B1003">
        <v>0</v>
      </c>
      <c r="C1003">
        <f t="shared" si="15"/>
        <v>4032.300000000002</v>
      </c>
    </row>
    <row r="1004" spans="1:3" x14ac:dyDescent="0.25">
      <c r="A1004" s="1">
        <v>41826</v>
      </c>
      <c r="B1004">
        <v>0</v>
      </c>
      <c r="C1004">
        <f t="shared" si="15"/>
        <v>4032.300000000002</v>
      </c>
    </row>
    <row r="1005" spans="1:3" x14ac:dyDescent="0.25">
      <c r="A1005" s="1">
        <v>41827</v>
      </c>
      <c r="B1005">
        <v>0</v>
      </c>
      <c r="C1005">
        <f t="shared" si="15"/>
        <v>4032.300000000002</v>
      </c>
    </row>
    <row r="1006" spans="1:3" x14ac:dyDescent="0.25">
      <c r="A1006" s="1">
        <v>41828</v>
      </c>
      <c r="B1006">
        <v>5.0999999999999996</v>
      </c>
      <c r="C1006">
        <f t="shared" si="15"/>
        <v>4037.4000000000019</v>
      </c>
    </row>
    <row r="1007" spans="1:3" x14ac:dyDescent="0.25">
      <c r="A1007" s="1">
        <v>41829</v>
      </c>
      <c r="B1007">
        <v>15.4</v>
      </c>
      <c r="C1007">
        <f t="shared" si="15"/>
        <v>4052.800000000002</v>
      </c>
    </row>
    <row r="1008" spans="1:3" x14ac:dyDescent="0.25">
      <c r="A1008" s="1">
        <v>41830</v>
      </c>
      <c r="B1008">
        <v>8.6999999999999993</v>
      </c>
      <c r="C1008">
        <f t="shared" si="15"/>
        <v>4061.5000000000018</v>
      </c>
    </row>
    <row r="1009" spans="1:3" x14ac:dyDescent="0.25">
      <c r="A1009" s="1">
        <v>41831</v>
      </c>
      <c r="B1009">
        <v>9.1999999999999993</v>
      </c>
      <c r="C1009">
        <f t="shared" si="15"/>
        <v>4070.7000000000016</v>
      </c>
    </row>
    <row r="1010" spans="1:3" x14ac:dyDescent="0.25">
      <c r="A1010" s="1">
        <v>41832</v>
      </c>
      <c r="B1010">
        <v>0</v>
      </c>
      <c r="C1010">
        <f t="shared" si="15"/>
        <v>4070.7000000000016</v>
      </c>
    </row>
    <row r="1011" spans="1:3" x14ac:dyDescent="0.25">
      <c r="A1011" s="1">
        <v>41833</v>
      </c>
      <c r="B1011">
        <v>0</v>
      </c>
      <c r="C1011">
        <f t="shared" si="15"/>
        <v>4070.7000000000016</v>
      </c>
    </row>
    <row r="1012" spans="1:3" x14ac:dyDescent="0.25">
      <c r="A1012" s="1">
        <v>41834</v>
      </c>
      <c r="B1012">
        <v>1.7</v>
      </c>
      <c r="C1012">
        <f t="shared" si="15"/>
        <v>4072.4000000000015</v>
      </c>
    </row>
    <row r="1013" spans="1:3" x14ac:dyDescent="0.25">
      <c r="A1013" s="1">
        <v>41835</v>
      </c>
      <c r="B1013">
        <v>1.6</v>
      </c>
      <c r="C1013">
        <f t="shared" si="15"/>
        <v>4074.0000000000014</v>
      </c>
    </row>
    <row r="1014" spans="1:3" x14ac:dyDescent="0.25">
      <c r="A1014" s="1">
        <v>41836</v>
      </c>
      <c r="B1014">
        <v>0</v>
      </c>
      <c r="C1014">
        <f t="shared" si="15"/>
        <v>4074.0000000000014</v>
      </c>
    </row>
    <row r="1015" spans="1:3" x14ac:dyDescent="0.25">
      <c r="A1015" s="1">
        <v>41837</v>
      </c>
      <c r="B1015">
        <v>2.4</v>
      </c>
      <c r="C1015">
        <f t="shared" si="15"/>
        <v>4076.4000000000015</v>
      </c>
    </row>
    <row r="1016" spans="1:3" x14ac:dyDescent="0.25">
      <c r="A1016" s="1">
        <v>41838</v>
      </c>
      <c r="B1016">
        <v>0.1</v>
      </c>
      <c r="C1016">
        <f t="shared" si="15"/>
        <v>4076.5000000000014</v>
      </c>
    </row>
    <row r="1017" spans="1:3" x14ac:dyDescent="0.25">
      <c r="A1017" s="1">
        <v>41839</v>
      </c>
      <c r="B1017">
        <v>0</v>
      </c>
      <c r="C1017">
        <f t="shared" si="15"/>
        <v>4076.5000000000014</v>
      </c>
    </row>
    <row r="1018" spans="1:3" x14ac:dyDescent="0.25">
      <c r="A1018" s="1">
        <v>41840</v>
      </c>
      <c r="B1018">
        <v>0</v>
      </c>
      <c r="C1018">
        <f t="shared" si="15"/>
        <v>4076.5000000000014</v>
      </c>
    </row>
    <row r="1019" spans="1:3" x14ac:dyDescent="0.25">
      <c r="A1019" s="1">
        <v>41841</v>
      </c>
      <c r="B1019">
        <v>0</v>
      </c>
      <c r="C1019">
        <f t="shared" si="15"/>
        <v>4076.5000000000014</v>
      </c>
    </row>
    <row r="1020" spans="1:3" x14ac:dyDescent="0.25">
      <c r="A1020" s="1">
        <v>41842</v>
      </c>
      <c r="B1020">
        <v>12.4</v>
      </c>
      <c r="C1020">
        <f t="shared" si="15"/>
        <v>4088.9000000000015</v>
      </c>
    </row>
    <row r="1021" spans="1:3" x14ac:dyDescent="0.25">
      <c r="A1021" s="1">
        <v>41843</v>
      </c>
      <c r="B1021">
        <v>15.8</v>
      </c>
      <c r="C1021">
        <f t="shared" si="15"/>
        <v>4104.7000000000016</v>
      </c>
    </row>
    <row r="1022" spans="1:3" x14ac:dyDescent="0.25">
      <c r="A1022" s="1">
        <v>41844</v>
      </c>
      <c r="B1022">
        <v>0.9</v>
      </c>
      <c r="C1022">
        <f t="shared" si="15"/>
        <v>4105.6000000000013</v>
      </c>
    </row>
    <row r="1023" spans="1:3" x14ac:dyDescent="0.25">
      <c r="A1023" s="1">
        <v>41845</v>
      </c>
      <c r="B1023">
        <v>0.1</v>
      </c>
      <c r="C1023">
        <f t="shared" si="15"/>
        <v>4105.7000000000016</v>
      </c>
    </row>
    <row r="1024" spans="1:3" x14ac:dyDescent="0.25">
      <c r="A1024" s="1">
        <v>41846</v>
      </c>
      <c r="B1024">
        <v>0</v>
      </c>
      <c r="C1024">
        <f t="shared" si="15"/>
        <v>4105.7000000000016</v>
      </c>
    </row>
    <row r="1025" spans="1:3" x14ac:dyDescent="0.25">
      <c r="A1025" s="1">
        <v>41847</v>
      </c>
      <c r="B1025">
        <v>0</v>
      </c>
      <c r="C1025">
        <f t="shared" si="15"/>
        <v>4105.7000000000016</v>
      </c>
    </row>
    <row r="1026" spans="1:3" x14ac:dyDescent="0.25">
      <c r="A1026" s="1">
        <v>41848</v>
      </c>
      <c r="B1026">
        <v>12.3</v>
      </c>
      <c r="C1026">
        <f t="shared" si="15"/>
        <v>4118.0000000000018</v>
      </c>
    </row>
    <row r="1027" spans="1:3" x14ac:dyDescent="0.25">
      <c r="A1027" s="1">
        <v>41849</v>
      </c>
      <c r="B1027">
        <v>0.5</v>
      </c>
      <c r="C1027">
        <f t="shared" si="15"/>
        <v>4118.5000000000018</v>
      </c>
    </row>
    <row r="1028" spans="1:3" x14ac:dyDescent="0.25">
      <c r="A1028" s="1">
        <v>41850</v>
      </c>
      <c r="B1028">
        <v>16.5</v>
      </c>
      <c r="C1028">
        <f t="shared" si="15"/>
        <v>4135.0000000000018</v>
      </c>
    </row>
    <row r="1029" spans="1:3" x14ac:dyDescent="0.25">
      <c r="A1029" s="1">
        <v>41851</v>
      </c>
      <c r="B1029">
        <v>4.2</v>
      </c>
      <c r="C1029">
        <f t="shared" ref="C1029:C1092" si="16">B1029+C1028</f>
        <v>4139.2000000000016</v>
      </c>
    </row>
    <row r="1030" spans="1:3" x14ac:dyDescent="0.25">
      <c r="A1030" s="1">
        <v>41852</v>
      </c>
      <c r="B1030">
        <v>2.2999999999999998</v>
      </c>
      <c r="C1030">
        <f t="shared" si="16"/>
        <v>4141.5000000000018</v>
      </c>
    </row>
    <row r="1031" spans="1:3" x14ac:dyDescent="0.25">
      <c r="A1031" s="1">
        <v>41853</v>
      </c>
      <c r="B1031">
        <v>0</v>
      </c>
      <c r="C1031">
        <f t="shared" si="16"/>
        <v>4141.5000000000018</v>
      </c>
    </row>
    <row r="1032" spans="1:3" x14ac:dyDescent="0.25">
      <c r="A1032" s="1">
        <v>41854</v>
      </c>
      <c r="B1032">
        <v>0</v>
      </c>
      <c r="C1032">
        <f t="shared" si="16"/>
        <v>4141.5000000000018</v>
      </c>
    </row>
    <row r="1033" spans="1:3" x14ac:dyDescent="0.25">
      <c r="A1033" s="1">
        <v>41855</v>
      </c>
      <c r="B1033">
        <v>0.4</v>
      </c>
      <c r="C1033">
        <f t="shared" si="16"/>
        <v>4141.9000000000015</v>
      </c>
    </row>
    <row r="1034" spans="1:3" x14ac:dyDescent="0.25">
      <c r="A1034" s="1">
        <v>41856</v>
      </c>
      <c r="B1034">
        <v>56.1</v>
      </c>
      <c r="C1034">
        <f t="shared" si="16"/>
        <v>4198.0000000000018</v>
      </c>
    </row>
    <row r="1035" spans="1:3" x14ac:dyDescent="0.25">
      <c r="A1035" s="1">
        <v>41857</v>
      </c>
      <c r="B1035">
        <v>3.5</v>
      </c>
      <c r="C1035">
        <f t="shared" si="16"/>
        <v>4201.5000000000018</v>
      </c>
    </row>
    <row r="1036" spans="1:3" x14ac:dyDescent="0.25">
      <c r="A1036" s="1">
        <v>41858</v>
      </c>
      <c r="B1036">
        <v>0</v>
      </c>
      <c r="C1036">
        <f t="shared" si="16"/>
        <v>4201.5000000000018</v>
      </c>
    </row>
    <row r="1037" spans="1:3" x14ac:dyDescent="0.25">
      <c r="A1037" s="1">
        <v>41859</v>
      </c>
      <c r="B1037">
        <v>0</v>
      </c>
      <c r="C1037">
        <f t="shared" si="16"/>
        <v>4201.5000000000018</v>
      </c>
    </row>
    <row r="1038" spans="1:3" x14ac:dyDescent="0.25">
      <c r="A1038" s="1">
        <v>41860</v>
      </c>
      <c r="B1038">
        <v>0</v>
      </c>
      <c r="C1038">
        <f t="shared" si="16"/>
        <v>4201.5000000000018</v>
      </c>
    </row>
    <row r="1039" spans="1:3" x14ac:dyDescent="0.25">
      <c r="A1039" s="1">
        <v>41861</v>
      </c>
      <c r="B1039">
        <v>0</v>
      </c>
      <c r="C1039">
        <f t="shared" si="16"/>
        <v>4201.5000000000018</v>
      </c>
    </row>
    <row r="1040" spans="1:3" x14ac:dyDescent="0.25">
      <c r="A1040" s="1">
        <v>41862</v>
      </c>
      <c r="B1040">
        <v>0</v>
      </c>
      <c r="C1040">
        <f t="shared" si="16"/>
        <v>4201.5000000000018</v>
      </c>
    </row>
    <row r="1041" spans="1:3" x14ac:dyDescent="0.25">
      <c r="A1041" s="1">
        <v>41863</v>
      </c>
      <c r="B1041">
        <v>0</v>
      </c>
      <c r="C1041">
        <f t="shared" si="16"/>
        <v>4201.5000000000018</v>
      </c>
    </row>
    <row r="1042" spans="1:3" x14ac:dyDescent="0.25">
      <c r="A1042" s="1">
        <v>41864</v>
      </c>
      <c r="B1042">
        <v>3.8</v>
      </c>
      <c r="C1042">
        <f t="shared" si="16"/>
        <v>4205.300000000002</v>
      </c>
    </row>
    <row r="1043" spans="1:3" x14ac:dyDescent="0.25">
      <c r="A1043" s="1">
        <v>41865</v>
      </c>
      <c r="B1043">
        <v>23.3</v>
      </c>
      <c r="C1043">
        <f t="shared" si="16"/>
        <v>4228.6000000000022</v>
      </c>
    </row>
    <row r="1044" spans="1:3" x14ac:dyDescent="0.25">
      <c r="A1044" s="1">
        <v>41866</v>
      </c>
      <c r="B1044">
        <v>0</v>
      </c>
      <c r="C1044">
        <f t="shared" si="16"/>
        <v>4228.6000000000022</v>
      </c>
    </row>
    <row r="1045" spans="1:3" x14ac:dyDescent="0.25">
      <c r="A1045" s="1">
        <v>41867</v>
      </c>
      <c r="B1045">
        <v>0</v>
      </c>
      <c r="C1045">
        <f t="shared" si="16"/>
        <v>4228.6000000000022</v>
      </c>
    </row>
    <row r="1046" spans="1:3" x14ac:dyDescent="0.25">
      <c r="A1046" s="1">
        <v>41868</v>
      </c>
      <c r="B1046">
        <v>0</v>
      </c>
      <c r="C1046">
        <f t="shared" si="16"/>
        <v>4228.6000000000022</v>
      </c>
    </row>
    <row r="1047" spans="1:3" x14ac:dyDescent="0.25">
      <c r="A1047" s="1">
        <v>41869</v>
      </c>
      <c r="B1047">
        <v>30.9</v>
      </c>
      <c r="C1047">
        <f t="shared" si="16"/>
        <v>4259.5000000000018</v>
      </c>
    </row>
    <row r="1048" spans="1:3" x14ac:dyDescent="0.25">
      <c r="A1048" s="1">
        <v>41870</v>
      </c>
      <c r="B1048">
        <v>0</v>
      </c>
      <c r="C1048">
        <f t="shared" si="16"/>
        <v>4259.5000000000018</v>
      </c>
    </row>
    <row r="1049" spans="1:3" x14ac:dyDescent="0.25">
      <c r="A1049" s="1">
        <v>41871</v>
      </c>
      <c r="B1049">
        <v>0</v>
      </c>
      <c r="C1049">
        <f t="shared" si="16"/>
        <v>4259.5000000000018</v>
      </c>
    </row>
    <row r="1050" spans="1:3" x14ac:dyDescent="0.25">
      <c r="A1050" s="1">
        <v>41872</v>
      </c>
      <c r="B1050">
        <v>45.8</v>
      </c>
      <c r="C1050">
        <f t="shared" si="16"/>
        <v>4305.300000000002</v>
      </c>
    </row>
    <row r="1051" spans="1:3" x14ac:dyDescent="0.25">
      <c r="A1051" s="1">
        <v>41873</v>
      </c>
      <c r="B1051">
        <v>0.4</v>
      </c>
      <c r="C1051">
        <f t="shared" si="16"/>
        <v>4305.7000000000016</v>
      </c>
    </row>
    <row r="1052" spans="1:3" x14ac:dyDescent="0.25">
      <c r="A1052" s="1">
        <v>41874</v>
      </c>
      <c r="B1052">
        <v>0.4</v>
      </c>
      <c r="C1052">
        <f t="shared" si="16"/>
        <v>4306.1000000000013</v>
      </c>
    </row>
    <row r="1053" spans="1:3" x14ac:dyDescent="0.25">
      <c r="A1053" s="1">
        <v>41875</v>
      </c>
      <c r="B1053">
        <v>0</v>
      </c>
      <c r="C1053">
        <f t="shared" si="16"/>
        <v>4306.1000000000013</v>
      </c>
    </row>
    <row r="1054" spans="1:3" x14ac:dyDescent="0.25">
      <c r="A1054" s="1">
        <v>41876</v>
      </c>
      <c r="B1054">
        <v>14.4</v>
      </c>
      <c r="C1054">
        <f t="shared" si="16"/>
        <v>4320.5000000000009</v>
      </c>
    </row>
    <row r="1055" spans="1:3" x14ac:dyDescent="0.25">
      <c r="A1055" s="1">
        <v>41877</v>
      </c>
      <c r="B1055">
        <v>0</v>
      </c>
      <c r="C1055">
        <f t="shared" si="16"/>
        <v>4320.5000000000009</v>
      </c>
    </row>
    <row r="1056" spans="1:3" x14ac:dyDescent="0.25">
      <c r="A1056" s="1">
        <v>41878</v>
      </c>
      <c r="B1056">
        <v>12.4</v>
      </c>
      <c r="C1056">
        <f t="shared" si="16"/>
        <v>4332.9000000000005</v>
      </c>
    </row>
    <row r="1057" spans="1:3" x14ac:dyDescent="0.25">
      <c r="A1057" s="1">
        <v>41879</v>
      </c>
      <c r="B1057">
        <v>13.6</v>
      </c>
      <c r="C1057">
        <f t="shared" si="16"/>
        <v>4346.5000000000009</v>
      </c>
    </row>
    <row r="1058" spans="1:3" x14ac:dyDescent="0.25">
      <c r="A1058" s="1">
        <v>41880</v>
      </c>
      <c r="B1058">
        <v>0</v>
      </c>
      <c r="C1058">
        <f t="shared" si="16"/>
        <v>4346.5000000000009</v>
      </c>
    </row>
    <row r="1059" spans="1:3" x14ac:dyDescent="0.25">
      <c r="A1059" s="1">
        <v>41881</v>
      </c>
      <c r="B1059">
        <v>0</v>
      </c>
      <c r="C1059">
        <f t="shared" si="16"/>
        <v>4346.5000000000009</v>
      </c>
    </row>
    <row r="1060" spans="1:3" x14ac:dyDescent="0.25">
      <c r="A1060" s="1">
        <v>41882</v>
      </c>
      <c r="B1060">
        <v>0</v>
      </c>
      <c r="C1060">
        <f t="shared" si="16"/>
        <v>4346.5000000000009</v>
      </c>
    </row>
    <row r="1061" spans="1:3" x14ac:dyDescent="0.25">
      <c r="A1061" s="1">
        <v>41883</v>
      </c>
      <c r="B1061">
        <v>33.799999999999997</v>
      </c>
      <c r="C1061">
        <f t="shared" si="16"/>
        <v>4380.3000000000011</v>
      </c>
    </row>
    <row r="1062" spans="1:3" x14ac:dyDescent="0.25">
      <c r="A1062" s="1">
        <v>41884</v>
      </c>
      <c r="B1062">
        <v>3</v>
      </c>
      <c r="C1062">
        <f t="shared" si="16"/>
        <v>4383.3000000000011</v>
      </c>
    </row>
    <row r="1063" spans="1:3" x14ac:dyDescent="0.25">
      <c r="A1063" s="1">
        <v>41885</v>
      </c>
      <c r="B1063">
        <v>22.1</v>
      </c>
      <c r="C1063">
        <f t="shared" si="16"/>
        <v>4405.4000000000015</v>
      </c>
    </row>
    <row r="1064" spans="1:3" x14ac:dyDescent="0.25">
      <c r="A1064" s="1">
        <v>41886</v>
      </c>
      <c r="B1064">
        <v>0.2</v>
      </c>
      <c r="C1064">
        <f t="shared" si="16"/>
        <v>4405.6000000000013</v>
      </c>
    </row>
    <row r="1065" spans="1:3" x14ac:dyDescent="0.25">
      <c r="A1065" s="1">
        <v>41887</v>
      </c>
      <c r="B1065">
        <v>3.1</v>
      </c>
      <c r="C1065">
        <f t="shared" si="16"/>
        <v>4408.7000000000016</v>
      </c>
    </row>
    <row r="1066" spans="1:3" x14ac:dyDescent="0.25">
      <c r="A1066" s="1">
        <v>41888</v>
      </c>
      <c r="B1066">
        <v>0</v>
      </c>
      <c r="C1066">
        <f t="shared" si="16"/>
        <v>4408.7000000000016</v>
      </c>
    </row>
    <row r="1067" spans="1:3" x14ac:dyDescent="0.25">
      <c r="A1067" s="1">
        <v>41889</v>
      </c>
      <c r="B1067">
        <v>0</v>
      </c>
      <c r="C1067">
        <f t="shared" si="16"/>
        <v>4408.7000000000016</v>
      </c>
    </row>
    <row r="1068" spans="1:3" x14ac:dyDescent="0.25">
      <c r="A1068" s="1">
        <v>41890</v>
      </c>
      <c r="B1068">
        <v>5.3</v>
      </c>
      <c r="C1068">
        <f t="shared" si="16"/>
        <v>4414.0000000000018</v>
      </c>
    </row>
    <row r="1069" spans="1:3" x14ac:dyDescent="0.25">
      <c r="A1069" s="1">
        <v>41891</v>
      </c>
      <c r="B1069">
        <v>0</v>
      </c>
      <c r="C1069">
        <f t="shared" si="16"/>
        <v>4414.0000000000018</v>
      </c>
    </row>
    <row r="1070" spans="1:3" x14ac:dyDescent="0.25">
      <c r="A1070" s="1">
        <v>41892</v>
      </c>
      <c r="B1070">
        <v>4.0999999999999996</v>
      </c>
      <c r="C1070">
        <f t="shared" si="16"/>
        <v>4418.1000000000022</v>
      </c>
    </row>
    <row r="1071" spans="1:3" x14ac:dyDescent="0.25">
      <c r="A1071" s="1">
        <v>41893</v>
      </c>
      <c r="B1071">
        <v>16.399999999999999</v>
      </c>
      <c r="C1071">
        <f t="shared" si="16"/>
        <v>4434.5000000000018</v>
      </c>
    </row>
    <row r="1072" spans="1:3" x14ac:dyDescent="0.25">
      <c r="A1072" s="1">
        <v>41894</v>
      </c>
      <c r="B1072">
        <v>12.8</v>
      </c>
      <c r="C1072">
        <f t="shared" si="16"/>
        <v>4447.300000000002</v>
      </c>
    </row>
    <row r="1073" spans="1:3" x14ac:dyDescent="0.25">
      <c r="A1073" s="1">
        <v>41895</v>
      </c>
      <c r="B1073">
        <v>0</v>
      </c>
      <c r="C1073">
        <f t="shared" si="16"/>
        <v>4447.300000000002</v>
      </c>
    </row>
    <row r="1074" spans="1:3" x14ac:dyDescent="0.25">
      <c r="A1074" s="1">
        <v>41896</v>
      </c>
      <c r="B1074">
        <v>0</v>
      </c>
      <c r="C1074">
        <f t="shared" si="16"/>
        <v>4447.300000000002</v>
      </c>
    </row>
    <row r="1075" spans="1:3" x14ac:dyDescent="0.25">
      <c r="A1075" s="1">
        <v>41897</v>
      </c>
      <c r="B1075">
        <v>60</v>
      </c>
      <c r="C1075">
        <f t="shared" si="16"/>
        <v>4507.300000000002</v>
      </c>
    </row>
    <row r="1076" spans="1:3" x14ac:dyDescent="0.25">
      <c r="A1076" s="1">
        <v>41898</v>
      </c>
      <c r="B1076">
        <v>0</v>
      </c>
      <c r="C1076">
        <f t="shared" si="16"/>
        <v>4507.300000000002</v>
      </c>
    </row>
    <row r="1077" spans="1:3" x14ac:dyDescent="0.25">
      <c r="A1077" s="1">
        <v>41899</v>
      </c>
      <c r="B1077">
        <v>0</v>
      </c>
      <c r="C1077">
        <f t="shared" si="16"/>
        <v>4507.300000000002</v>
      </c>
    </row>
    <row r="1078" spans="1:3" x14ac:dyDescent="0.25">
      <c r="A1078" s="1">
        <v>41900</v>
      </c>
      <c r="B1078">
        <v>0</v>
      </c>
      <c r="C1078">
        <f t="shared" si="16"/>
        <v>4507.300000000002</v>
      </c>
    </row>
    <row r="1079" spans="1:3" x14ac:dyDescent="0.25">
      <c r="A1079" s="1">
        <v>41901</v>
      </c>
      <c r="B1079">
        <v>0</v>
      </c>
      <c r="C1079">
        <f t="shared" si="16"/>
        <v>4507.300000000002</v>
      </c>
    </row>
    <row r="1080" spans="1:3" x14ac:dyDescent="0.25">
      <c r="A1080" s="1">
        <v>41902</v>
      </c>
      <c r="B1080">
        <v>0</v>
      </c>
      <c r="C1080">
        <f t="shared" si="16"/>
        <v>4507.300000000002</v>
      </c>
    </row>
    <row r="1081" spans="1:3" x14ac:dyDescent="0.25">
      <c r="A1081" s="1">
        <v>41903</v>
      </c>
      <c r="B1081">
        <v>0</v>
      </c>
      <c r="C1081">
        <f t="shared" si="16"/>
        <v>4507.300000000002</v>
      </c>
    </row>
    <row r="1082" spans="1:3" x14ac:dyDescent="0.25">
      <c r="A1082" s="1">
        <v>41904</v>
      </c>
      <c r="B1082">
        <v>3.8</v>
      </c>
      <c r="C1082">
        <f t="shared" si="16"/>
        <v>4511.1000000000022</v>
      </c>
    </row>
    <row r="1083" spans="1:3" x14ac:dyDescent="0.25">
      <c r="A1083" s="1">
        <v>41905</v>
      </c>
      <c r="B1083">
        <v>25.1</v>
      </c>
      <c r="C1083">
        <f t="shared" si="16"/>
        <v>4536.2000000000025</v>
      </c>
    </row>
    <row r="1084" spans="1:3" x14ac:dyDescent="0.25">
      <c r="A1084" s="1">
        <v>41906</v>
      </c>
      <c r="B1084">
        <v>0</v>
      </c>
      <c r="C1084">
        <f t="shared" si="16"/>
        <v>4536.2000000000025</v>
      </c>
    </row>
    <row r="1085" spans="1:3" x14ac:dyDescent="0.25">
      <c r="A1085" s="1">
        <v>41907</v>
      </c>
      <c r="B1085">
        <v>0</v>
      </c>
      <c r="C1085">
        <f t="shared" si="16"/>
        <v>4536.2000000000025</v>
      </c>
    </row>
    <row r="1086" spans="1:3" x14ac:dyDescent="0.25">
      <c r="A1086" s="1">
        <v>41908</v>
      </c>
      <c r="B1086">
        <v>5.6</v>
      </c>
      <c r="C1086">
        <f t="shared" si="16"/>
        <v>4541.8000000000029</v>
      </c>
    </row>
    <row r="1087" spans="1:3" x14ac:dyDescent="0.25">
      <c r="A1087" s="1">
        <v>41909</v>
      </c>
      <c r="B1087">
        <v>0</v>
      </c>
      <c r="C1087">
        <f t="shared" si="16"/>
        <v>4541.8000000000029</v>
      </c>
    </row>
    <row r="1088" spans="1:3" x14ac:dyDescent="0.25">
      <c r="A1088" s="1">
        <v>41910</v>
      </c>
      <c r="B1088">
        <v>0</v>
      </c>
      <c r="C1088">
        <f t="shared" si="16"/>
        <v>4541.8000000000029</v>
      </c>
    </row>
    <row r="1089" spans="1:3" x14ac:dyDescent="0.25">
      <c r="A1089" s="1">
        <v>41911</v>
      </c>
      <c r="B1089">
        <v>0</v>
      </c>
      <c r="C1089">
        <f t="shared" si="16"/>
        <v>4541.8000000000029</v>
      </c>
    </row>
    <row r="1090" spans="1:3" x14ac:dyDescent="0.25">
      <c r="A1090" s="1">
        <v>41912</v>
      </c>
      <c r="B1090">
        <v>0</v>
      </c>
      <c r="C1090">
        <f t="shared" si="16"/>
        <v>4541.8000000000029</v>
      </c>
    </row>
    <row r="1091" spans="1:3" x14ac:dyDescent="0.25">
      <c r="A1091" s="1">
        <v>41913</v>
      </c>
      <c r="B1091">
        <v>0</v>
      </c>
      <c r="C1091">
        <f t="shared" si="16"/>
        <v>4541.8000000000029</v>
      </c>
    </row>
    <row r="1092" spans="1:3" x14ac:dyDescent="0.25">
      <c r="A1092" s="1">
        <v>41914</v>
      </c>
      <c r="B1092">
        <v>1.5</v>
      </c>
      <c r="C1092">
        <f t="shared" si="16"/>
        <v>4543.3000000000029</v>
      </c>
    </row>
    <row r="1093" spans="1:3" x14ac:dyDescent="0.25">
      <c r="A1093" s="1">
        <v>41915</v>
      </c>
      <c r="B1093">
        <v>0</v>
      </c>
      <c r="C1093">
        <f t="shared" ref="C1093:C1110" si="17">B1093+C1092</f>
        <v>4543.3000000000029</v>
      </c>
    </row>
    <row r="1094" spans="1:3" x14ac:dyDescent="0.25">
      <c r="A1094" s="1">
        <v>41916</v>
      </c>
      <c r="B1094">
        <v>0</v>
      </c>
      <c r="C1094">
        <f t="shared" si="17"/>
        <v>4543.3000000000029</v>
      </c>
    </row>
    <row r="1095" spans="1:3" x14ac:dyDescent="0.25">
      <c r="A1095" s="1">
        <v>41917</v>
      </c>
      <c r="B1095">
        <v>0</v>
      </c>
      <c r="C1095">
        <f t="shared" si="17"/>
        <v>4543.3000000000029</v>
      </c>
    </row>
    <row r="1096" spans="1:3" x14ac:dyDescent="0.25">
      <c r="A1096" s="1">
        <v>41918</v>
      </c>
      <c r="B1096">
        <v>0</v>
      </c>
      <c r="C1096">
        <f t="shared" si="17"/>
        <v>4543.3000000000029</v>
      </c>
    </row>
    <row r="1097" spans="1:3" x14ac:dyDescent="0.25">
      <c r="A1097" s="1">
        <v>41919</v>
      </c>
      <c r="B1097">
        <v>0.3</v>
      </c>
      <c r="C1097">
        <f t="shared" si="17"/>
        <v>4543.6000000000031</v>
      </c>
    </row>
    <row r="1098" spans="1:3" x14ac:dyDescent="0.25">
      <c r="A1098" s="1">
        <v>41920</v>
      </c>
      <c r="B1098">
        <v>0.2</v>
      </c>
      <c r="C1098">
        <f t="shared" si="17"/>
        <v>4543.8000000000029</v>
      </c>
    </row>
    <row r="1099" spans="1:3" x14ac:dyDescent="0.25">
      <c r="A1099" s="1">
        <v>41921</v>
      </c>
      <c r="B1099">
        <v>0</v>
      </c>
      <c r="C1099">
        <f t="shared" si="17"/>
        <v>4543.8000000000029</v>
      </c>
    </row>
    <row r="1100" spans="1:3" x14ac:dyDescent="0.25">
      <c r="A1100" s="1">
        <v>41922</v>
      </c>
      <c r="B1100">
        <v>0</v>
      </c>
      <c r="C1100">
        <f t="shared" si="17"/>
        <v>4543.8000000000029</v>
      </c>
    </row>
    <row r="1101" spans="1:3" x14ac:dyDescent="0.25">
      <c r="A1101" s="1">
        <v>41923</v>
      </c>
      <c r="B1101">
        <v>0</v>
      </c>
      <c r="C1101">
        <f t="shared" si="17"/>
        <v>4543.8000000000029</v>
      </c>
    </row>
    <row r="1102" spans="1:3" x14ac:dyDescent="0.25">
      <c r="A1102" s="1">
        <v>41924</v>
      </c>
      <c r="B1102">
        <v>0</v>
      </c>
      <c r="C1102">
        <f t="shared" si="17"/>
        <v>4543.8000000000029</v>
      </c>
    </row>
    <row r="1103" spans="1:3" x14ac:dyDescent="0.25">
      <c r="A1103" s="1">
        <v>41925</v>
      </c>
      <c r="B1103">
        <v>0</v>
      </c>
      <c r="C1103">
        <f t="shared" si="17"/>
        <v>4543.8000000000029</v>
      </c>
    </row>
    <row r="1104" spans="1:3" x14ac:dyDescent="0.25">
      <c r="A1104" s="1">
        <v>41926</v>
      </c>
      <c r="B1104">
        <v>1.2</v>
      </c>
      <c r="C1104">
        <f t="shared" si="17"/>
        <v>4545.0000000000027</v>
      </c>
    </row>
    <row r="1105" spans="1:3" x14ac:dyDescent="0.25">
      <c r="A1105" s="1">
        <v>41927</v>
      </c>
      <c r="B1105">
        <v>8.6999999999999993</v>
      </c>
      <c r="C1105">
        <f t="shared" si="17"/>
        <v>4553.7000000000025</v>
      </c>
    </row>
    <row r="1106" spans="1:3" x14ac:dyDescent="0.25">
      <c r="A1106" s="1">
        <v>41928</v>
      </c>
      <c r="B1106">
        <v>4</v>
      </c>
      <c r="C1106">
        <f t="shared" si="17"/>
        <v>4557.7000000000025</v>
      </c>
    </row>
    <row r="1107" spans="1:3" x14ac:dyDescent="0.25">
      <c r="A1107" s="1">
        <v>41929</v>
      </c>
      <c r="B1107">
        <v>2.2999999999999998</v>
      </c>
      <c r="C1107">
        <f t="shared" si="17"/>
        <v>4560.0000000000027</v>
      </c>
    </row>
    <row r="1108" spans="1:3" x14ac:dyDescent="0.25">
      <c r="A1108" s="1">
        <v>41930</v>
      </c>
      <c r="B1108">
        <v>0</v>
      </c>
      <c r="C1108">
        <f t="shared" si="17"/>
        <v>4560.0000000000027</v>
      </c>
    </row>
    <row r="1109" spans="1:3" x14ac:dyDescent="0.25">
      <c r="A1109" s="1">
        <v>41931</v>
      </c>
      <c r="B1109">
        <v>0</v>
      </c>
      <c r="C1109">
        <f t="shared" si="17"/>
        <v>4560.0000000000027</v>
      </c>
    </row>
    <row r="1110" spans="1:3" x14ac:dyDescent="0.25">
      <c r="A1110" s="1">
        <v>41932</v>
      </c>
      <c r="B1110">
        <v>2.2000000000000002</v>
      </c>
      <c r="C1110">
        <f t="shared" si="17"/>
        <v>4562.2000000000025</v>
      </c>
    </row>
    <row r="1111" spans="1:3" x14ac:dyDescent="0.25">
      <c r="A1111" s="1"/>
    </row>
    <row r="1112" spans="1:3" x14ac:dyDescent="0.25">
      <c r="A1112" s="1"/>
    </row>
    <row r="1113" spans="1:3" x14ac:dyDescent="0.25">
      <c r="A1113" s="1"/>
    </row>
    <row r="1114" spans="1:3" x14ac:dyDescent="0.25">
      <c r="A1114" s="1"/>
    </row>
    <row r="1115" spans="1:3" x14ac:dyDescent="0.25">
      <c r="A1115" s="1"/>
    </row>
    <row r="1116" spans="1:3" x14ac:dyDescent="0.25">
      <c r="A1116" s="1"/>
    </row>
    <row r="1117" spans="1:3" x14ac:dyDescent="0.25">
      <c r="A1117" s="1"/>
    </row>
    <row r="1118" spans="1:3" x14ac:dyDescent="0.25">
      <c r="A1118" s="1"/>
    </row>
    <row r="1119" spans="1:3" x14ac:dyDescent="0.25">
      <c r="A1119" s="1"/>
    </row>
    <row r="1120" spans="1:3" x14ac:dyDescent="0.25">
      <c r="A1120" s="1"/>
    </row>
    <row r="1121" spans="1:1" x14ac:dyDescent="0.25">
      <c r="A1121" s="1"/>
    </row>
    <row r="1122" spans="1:1" x14ac:dyDescent="0.25">
      <c r="A1122" s="1"/>
    </row>
    <row r="1123" spans="1:1" x14ac:dyDescent="0.25">
      <c r="A1123" s="1"/>
    </row>
    <row r="1124" spans="1:1" x14ac:dyDescent="0.25">
      <c r="A1124" s="1"/>
    </row>
    <row r="1125" spans="1:1" x14ac:dyDescent="0.25">
      <c r="A1125" s="1"/>
    </row>
    <row r="1126" spans="1:1" x14ac:dyDescent="0.25">
      <c r="A1126" s="1"/>
    </row>
    <row r="1127" spans="1:1" x14ac:dyDescent="0.25">
      <c r="A1127" s="1"/>
    </row>
    <row r="1128" spans="1:1" x14ac:dyDescent="0.25">
      <c r="A1128" s="1"/>
    </row>
    <row r="1129" spans="1:1" x14ac:dyDescent="0.25">
      <c r="A1129" s="1"/>
    </row>
    <row r="1130" spans="1:1" x14ac:dyDescent="0.25">
      <c r="A1130" s="1"/>
    </row>
    <row r="1131" spans="1:1" x14ac:dyDescent="0.25">
      <c r="A1131" s="1"/>
    </row>
    <row r="1132" spans="1:1" x14ac:dyDescent="0.25">
      <c r="A1132" s="1"/>
    </row>
    <row r="1133" spans="1:1" x14ac:dyDescent="0.25">
      <c r="A1133" s="1"/>
    </row>
    <row r="1134" spans="1:1" x14ac:dyDescent="0.25">
      <c r="A1134" s="1"/>
    </row>
    <row r="1135" spans="1:1" x14ac:dyDescent="0.25">
      <c r="A1135" s="1"/>
    </row>
    <row r="1136" spans="1:1" x14ac:dyDescent="0.25">
      <c r="A1136" s="1"/>
    </row>
    <row r="1137" spans="1:1" x14ac:dyDescent="0.25">
      <c r="A1137" s="1"/>
    </row>
    <row r="1138" spans="1:1" x14ac:dyDescent="0.25">
      <c r="A1138" s="1"/>
    </row>
    <row r="1139" spans="1:1" x14ac:dyDescent="0.25">
      <c r="A1139" s="1"/>
    </row>
    <row r="1140" spans="1:1" x14ac:dyDescent="0.25">
      <c r="A1140" s="1"/>
    </row>
    <row r="1141" spans="1:1" x14ac:dyDescent="0.25">
      <c r="A1141" s="1"/>
    </row>
    <row r="1142" spans="1:1" x14ac:dyDescent="0.25">
      <c r="A1142" s="1"/>
    </row>
    <row r="1143" spans="1:1" x14ac:dyDescent="0.25">
      <c r="A1143" s="1"/>
    </row>
    <row r="1144" spans="1:1" x14ac:dyDescent="0.25">
      <c r="A1144" s="1"/>
    </row>
    <row r="1145" spans="1:1" x14ac:dyDescent="0.25">
      <c r="A1145" s="1"/>
    </row>
    <row r="1146" spans="1:1" x14ac:dyDescent="0.25">
      <c r="A1146" s="1"/>
    </row>
    <row r="1147" spans="1:1" x14ac:dyDescent="0.25">
      <c r="A1147" s="1"/>
    </row>
    <row r="1148" spans="1:1" x14ac:dyDescent="0.25">
      <c r="A1148" s="1"/>
    </row>
    <row r="1149" spans="1:1" x14ac:dyDescent="0.25">
      <c r="A1149" s="1"/>
    </row>
    <row r="1150" spans="1:1" x14ac:dyDescent="0.25">
      <c r="A1150" s="1"/>
    </row>
    <row r="1151" spans="1:1" x14ac:dyDescent="0.25">
      <c r="A1151" s="1"/>
    </row>
    <row r="1152" spans="1:1" x14ac:dyDescent="0.25">
      <c r="A1152" s="1"/>
    </row>
    <row r="1153" spans="1:1" x14ac:dyDescent="0.25">
      <c r="A1153" s="1"/>
    </row>
    <row r="1154" spans="1:1" x14ac:dyDescent="0.25">
      <c r="A1154" s="1"/>
    </row>
    <row r="1155" spans="1:1" x14ac:dyDescent="0.25">
      <c r="A1155" s="1"/>
    </row>
    <row r="1156" spans="1:1" x14ac:dyDescent="0.25">
      <c r="A1156" s="1"/>
    </row>
    <row r="1157" spans="1:1" x14ac:dyDescent="0.25">
      <c r="A1157" s="1"/>
    </row>
    <row r="1158" spans="1:1" x14ac:dyDescent="0.25">
      <c r="A1158" s="1"/>
    </row>
    <row r="1159" spans="1:1" x14ac:dyDescent="0.25">
      <c r="A1159" s="1"/>
    </row>
    <row r="1160" spans="1:1" x14ac:dyDescent="0.25">
      <c r="A1160" s="1"/>
    </row>
    <row r="1161" spans="1:1" x14ac:dyDescent="0.25">
      <c r="A1161" s="1"/>
    </row>
    <row r="1162" spans="1:1" x14ac:dyDescent="0.25">
      <c r="A1162" s="1"/>
    </row>
    <row r="1163" spans="1:1" x14ac:dyDescent="0.25">
      <c r="A1163" s="1"/>
    </row>
    <row r="1164" spans="1:1" x14ac:dyDescent="0.25">
      <c r="A1164" s="1"/>
    </row>
    <row r="1165" spans="1:1" x14ac:dyDescent="0.25">
      <c r="A1165" s="1"/>
    </row>
    <row r="1166" spans="1:1" x14ac:dyDescent="0.25">
      <c r="A1166" s="1"/>
    </row>
    <row r="1167" spans="1:1" x14ac:dyDescent="0.25">
      <c r="A1167" s="1"/>
    </row>
    <row r="1168" spans="1:1" x14ac:dyDescent="0.25">
      <c r="A1168" s="1"/>
    </row>
    <row r="1169" spans="1:1" x14ac:dyDescent="0.25">
      <c r="A1169" s="1"/>
    </row>
    <row r="1170" spans="1:1" x14ac:dyDescent="0.25">
      <c r="A1170" s="1"/>
    </row>
    <row r="1171" spans="1:1" x14ac:dyDescent="0.25">
      <c r="A1171" s="1"/>
    </row>
    <row r="1172" spans="1:1" x14ac:dyDescent="0.25">
      <c r="A1172" s="1"/>
    </row>
    <row r="1173" spans="1:1" x14ac:dyDescent="0.25">
      <c r="A1173" s="1"/>
    </row>
    <row r="1174" spans="1:1" x14ac:dyDescent="0.25">
      <c r="A1174" s="1"/>
    </row>
    <row r="1175" spans="1:1" x14ac:dyDescent="0.25">
      <c r="A1175" s="1"/>
    </row>
    <row r="1176" spans="1:1" x14ac:dyDescent="0.25">
      <c r="A1176" s="1"/>
    </row>
    <row r="1177" spans="1:1" x14ac:dyDescent="0.25">
      <c r="A1177" s="1"/>
    </row>
    <row r="1178" spans="1:1" x14ac:dyDescent="0.25">
      <c r="A1178" s="1"/>
    </row>
    <row r="1179" spans="1:1" x14ac:dyDescent="0.25">
      <c r="A1179" s="1"/>
    </row>
    <row r="1180" spans="1:1" x14ac:dyDescent="0.25">
      <c r="A1180" s="1"/>
    </row>
    <row r="1181" spans="1:1" x14ac:dyDescent="0.25">
      <c r="A1181" s="1"/>
    </row>
    <row r="1182" spans="1:1" x14ac:dyDescent="0.25">
      <c r="A1182" s="1"/>
    </row>
  </sheetData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1186"/>
  <sheetViews>
    <sheetView workbookViewId="0">
      <selection activeCell="D15" sqref="D15"/>
    </sheetView>
  </sheetViews>
  <sheetFormatPr defaultRowHeight="15" x14ac:dyDescent="0.25"/>
  <cols>
    <col min="1" max="1" width="16.28515625" style="5" customWidth="1"/>
    <col min="2" max="2" width="29.42578125" style="5" customWidth="1"/>
  </cols>
  <sheetData>
    <row r="1" spans="1:2" ht="18.75" x14ac:dyDescent="0.25">
      <c r="A1" s="11" t="s">
        <v>5</v>
      </c>
    </row>
    <row r="2" spans="1:2" ht="18.75" x14ac:dyDescent="0.25">
      <c r="A2" s="11"/>
    </row>
    <row r="3" spans="1:2" x14ac:dyDescent="0.25">
      <c r="A3" s="12" t="s">
        <v>6</v>
      </c>
    </row>
    <row r="4" spans="1:2" x14ac:dyDescent="0.25">
      <c r="A4" s="12"/>
    </row>
    <row r="5" spans="1:2" x14ac:dyDescent="0.25">
      <c r="A5" s="7" t="s">
        <v>1</v>
      </c>
    </row>
    <row r="6" spans="1:2" x14ac:dyDescent="0.25">
      <c r="A6" s="10" t="s">
        <v>7</v>
      </c>
    </row>
    <row r="7" spans="1:2" x14ac:dyDescent="0.25">
      <c r="A7" s="8" t="s">
        <v>0</v>
      </c>
      <c r="B7" s="8" t="s">
        <v>4</v>
      </c>
    </row>
    <row r="8" spans="1:2" x14ac:dyDescent="0.25">
      <c r="A8" s="9">
        <v>40826</v>
      </c>
      <c r="B8" s="8">
        <v>61.8</v>
      </c>
    </row>
    <row r="9" spans="1:2" x14ac:dyDescent="0.25">
      <c r="A9" s="9">
        <v>40827</v>
      </c>
      <c r="B9" s="8">
        <v>0</v>
      </c>
    </row>
    <row r="10" spans="1:2" x14ac:dyDescent="0.25">
      <c r="A10" s="9">
        <v>40828</v>
      </c>
      <c r="B10" s="8">
        <v>0</v>
      </c>
    </row>
    <row r="11" spans="1:2" x14ac:dyDescent="0.25">
      <c r="A11" s="9">
        <v>40829</v>
      </c>
      <c r="B11" s="8">
        <v>0</v>
      </c>
    </row>
    <row r="12" spans="1:2" x14ac:dyDescent="0.25">
      <c r="A12" s="9">
        <v>40830</v>
      </c>
      <c r="B12" s="8">
        <v>0</v>
      </c>
    </row>
    <row r="13" spans="1:2" x14ac:dyDescent="0.25">
      <c r="A13" s="9">
        <v>40831</v>
      </c>
      <c r="B13" s="8">
        <v>0</v>
      </c>
    </row>
    <row r="14" spans="1:2" x14ac:dyDescent="0.25">
      <c r="A14" s="9">
        <v>40832</v>
      </c>
      <c r="B14" s="8">
        <v>0</v>
      </c>
    </row>
    <row r="15" spans="1:2" x14ac:dyDescent="0.25">
      <c r="A15" s="9">
        <v>40833</v>
      </c>
      <c r="B15" s="8">
        <v>0</v>
      </c>
    </row>
    <row r="16" spans="1:2" x14ac:dyDescent="0.25">
      <c r="A16" s="9">
        <v>40834</v>
      </c>
      <c r="B16" s="8">
        <v>0</v>
      </c>
    </row>
    <row r="17" spans="1:2" x14ac:dyDescent="0.25">
      <c r="A17" s="9">
        <v>40835</v>
      </c>
      <c r="B17" s="8">
        <v>0</v>
      </c>
    </row>
    <row r="18" spans="1:2" x14ac:dyDescent="0.25">
      <c r="A18" s="9">
        <v>40836</v>
      </c>
      <c r="B18" s="8">
        <v>8.1999999999999993</v>
      </c>
    </row>
    <row r="19" spans="1:2" x14ac:dyDescent="0.25">
      <c r="A19" s="9">
        <v>40837</v>
      </c>
      <c r="B19" s="8">
        <v>58.7</v>
      </c>
    </row>
    <row r="20" spans="1:2" x14ac:dyDescent="0.25">
      <c r="A20" s="9">
        <v>40838</v>
      </c>
      <c r="B20" s="8">
        <v>0</v>
      </c>
    </row>
    <row r="21" spans="1:2" x14ac:dyDescent="0.25">
      <c r="A21" s="9">
        <v>40839</v>
      </c>
      <c r="B21" s="8">
        <v>0</v>
      </c>
    </row>
    <row r="22" spans="1:2" x14ac:dyDescent="0.25">
      <c r="A22" s="9">
        <v>40840</v>
      </c>
      <c r="B22" s="8">
        <v>1.2</v>
      </c>
    </row>
    <row r="23" spans="1:2" x14ac:dyDescent="0.25">
      <c r="A23" s="9">
        <v>40841</v>
      </c>
      <c r="B23" s="8">
        <v>0.6</v>
      </c>
    </row>
    <row r="24" spans="1:2" x14ac:dyDescent="0.25">
      <c r="A24" s="9">
        <v>40842</v>
      </c>
      <c r="B24" s="8">
        <v>2.7</v>
      </c>
    </row>
    <row r="25" spans="1:2" x14ac:dyDescent="0.25">
      <c r="A25" s="9">
        <v>40843</v>
      </c>
      <c r="B25" s="8">
        <v>44.3</v>
      </c>
    </row>
    <row r="26" spans="1:2" x14ac:dyDescent="0.25">
      <c r="A26" s="9">
        <v>40844</v>
      </c>
      <c r="B26" s="8">
        <v>0.25</v>
      </c>
    </row>
    <row r="27" spans="1:2" x14ac:dyDescent="0.25">
      <c r="A27" s="9">
        <v>40845</v>
      </c>
      <c r="B27" s="8">
        <v>0</v>
      </c>
    </row>
    <row r="28" spans="1:2" x14ac:dyDescent="0.25">
      <c r="A28" s="9">
        <v>40846</v>
      </c>
      <c r="B28" s="8">
        <v>0</v>
      </c>
    </row>
    <row r="29" spans="1:2" x14ac:dyDescent="0.25">
      <c r="A29" s="9">
        <v>40847</v>
      </c>
      <c r="B29" s="8">
        <v>0</v>
      </c>
    </row>
    <row r="30" spans="1:2" x14ac:dyDescent="0.25">
      <c r="A30" s="9">
        <v>40848</v>
      </c>
      <c r="B30" s="8">
        <v>0</v>
      </c>
    </row>
    <row r="31" spans="1:2" x14ac:dyDescent="0.25">
      <c r="A31" s="9">
        <v>40849</v>
      </c>
      <c r="B31" s="8">
        <v>0.8</v>
      </c>
    </row>
    <row r="32" spans="1:2" x14ac:dyDescent="0.25">
      <c r="A32" s="9">
        <v>40850</v>
      </c>
      <c r="B32" s="8">
        <v>0.3</v>
      </c>
    </row>
    <row r="33" spans="1:2" x14ac:dyDescent="0.25">
      <c r="A33" s="9">
        <v>40851</v>
      </c>
      <c r="B33" s="8">
        <v>0</v>
      </c>
    </row>
    <row r="34" spans="1:2" x14ac:dyDescent="0.25">
      <c r="A34" s="9">
        <v>40852</v>
      </c>
      <c r="B34" s="8">
        <v>0</v>
      </c>
    </row>
    <row r="35" spans="1:2" x14ac:dyDescent="0.25">
      <c r="A35" s="9">
        <v>40853</v>
      </c>
      <c r="B35" s="8">
        <v>0</v>
      </c>
    </row>
    <row r="36" spans="1:2" x14ac:dyDescent="0.25">
      <c r="A36" s="9">
        <v>40854</v>
      </c>
      <c r="B36" s="8">
        <v>1.4</v>
      </c>
    </row>
    <row r="37" spans="1:2" x14ac:dyDescent="0.25">
      <c r="A37" s="9">
        <v>40855</v>
      </c>
      <c r="B37" s="8">
        <v>1.6</v>
      </c>
    </row>
    <row r="38" spans="1:2" x14ac:dyDescent="0.25">
      <c r="A38" s="9">
        <v>40856</v>
      </c>
      <c r="B38" s="8">
        <v>0</v>
      </c>
    </row>
    <row r="39" spans="1:2" x14ac:dyDescent="0.25">
      <c r="A39" s="9">
        <v>40857</v>
      </c>
      <c r="B39" s="8">
        <v>0</v>
      </c>
    </row>
    <row r="40" spans="1:2" x14ac:dyDescent="0.25">
      <c r="A40" s="9">
        <v>40858</v>
      </c>
      <c r="B40" s="8">
        <v>0.5</v>
      </c>
    </row>
    <row r="41" spans="1:2" x14ac:dyDescent="0.25">
      <c r="A41" s="9">
        <v>40859</v>
      </c>
      <c r="B41" s="8">
        <v>0</v>
      </c>
    </row>
    <row r="42" spans="1:2" x14ac:dyDescent="0.25">
      <c r="A42" s="9">
        <v>40860</v>
      </c>
      <c r="B42" s="8">
        <v>0</v>
      </c>
    </row>
    <row r="43" spans="1:2" x14ac:dyDescent="0.25">
      <c r="A43" s="9">
        <v>40861</v>
      </c>
      <c r="B43" s="8">
        <v>0</v>
      </c>
    </row>
    <row r="44" spans="1:2" x14ac:dyDescent="0.25">
      <c r="A44" s="9">
        <v>40862</v>
      </c>
      <c r="B44" s="8">
        <v>0</v>
      </c>
    </row>
    <row r="45" spans="1:2" x14ac:dyDescent="0.25">
      <c r="A45" s="9">
        <v>40863</v>
      </c>
      <c r="B45" s="8">
        <v>0</v>
      </c>
    </row>
    <row r="46" spans="1:2" x14ac:dyDescent="0.25">
      <c r="A46" s="9">
        <v>40864</v>
      </c>
      <c r="B46" s="8">
        <v>0</v>
      </c>
    </row>
    <row r="47" spans="1:2" x14ac:dyDescent="0.25">
      <c r="A47" s="9">
        <v>40865</v>
      </c>
      <c r="B47" s="8">
        <v>0</v>
      </c>
    </row>
    <row r="48" spans="1:2" x14ac:dyDescent="0.25">
      <c r="A48" s="9">
        <v>40866</v>
      </c>
      <c r="B48" s="8">
        <v>0</v>
      </c>
    </row>
    <row r="49" spans="1:2" x14ac:dyDescent="0.25">
      <c r="A49" s="9">
        <v>40867</v>
      </c>
      <c r="B49" s="8">
        <v>0</v>
      </c>
    </row>
    <row r="50" spans="1:2" x14ac:dyDescent="0.25">
      <c r="A50" s="9">
        <v>40868</v>
      </c>
      <c r="B50" s="8">
        <v>0</v>
      </c>
    </row>
    <row r="51" spans="1:2" x14ac:dyDescent="0.25">
      <c r="A51" s="9">
        <v>40869</v>
      </c>
      <c r="B51" s="8">
        <v>0</v>
      </c>
    </row>
    <row r="52" spans="1:2" x14ac:dyDescent="0.25">
      <c r="A52" s="9">
        <v>40870</v>
      </c>
      <c r="B52" s="8">
        <v>0</v>
      </c>
    </row>
    <row r="53" spans="1:2" x14ac:dyDescent="0.25">
      <c r="A53" s="9">
        <v>40871</v>
      </c>
      <c r="B53" s="8">
        <v>0</v>
      </c>
    </row>
    <row r="54" spans="1:2" x14ac:dyDescent="0.25">
      <c r="A54" s="9">
        <v>40872</v>
      </c>
      <c r="B54" s="8">
        <v>0</v>
      </c>
    </row>
    <row r="55" spans="1:2" x14ac:dyDescent="0.25">
      <c r="A55" s="9">
        <v>40873</v>
      </c>
      <c r="B55" s="8">
        <v>0</v>
      </c>
    </row>
    <row r="56" spans="1:2" x14ac:dyDescent="0.25">
      <c r="A56" s="9">
        <v>40874</v>
      </c>
      <c r="B56" s="8">
        <v>0</v>
      </c>
    </row>
    <row r="57" spans="1:2" x14ac:dyDescent="0.25">
      <c r="A57" s="9">
        <v>40875</v>
      </c>
      <c r="B57" s="8">
        <v>0</v>
      </c>
    </row>
    <row r="58" spans="1:2" x14ac:dyDescent="0.25">
      <c r="A58" s="9">
        <v>40876</v>
      </c>
      <c r="B58" s="8">
        <v>0</v>
      </c>
    </row>
    <row r="59" spans="1:2" x14ac:dyDescent="0.25">
      <c r="A59" s="9">
        <v>40877</v>
      </c>
      <c r="B59" s="8">
        <v>0</v>
      </c>
    </row>
    <row r="60" spans="1:2" x14ac:dyDescent="0.25">
      <c r="A60" s="9">
        <v>40878</v>
      </c>
      <c r="B60" s="8">
        <v>0</v>
      </c>
    </row>
    <row r="61" spans="1:2" x14ac:dyDescent="0.25">
      <c r="A61" s="9">
        <v>40879</v>
      </c>
      <c r="B61" s="8">
        <v>0</v>
      </c>
    </row>
    <row r="62" spans="1:2" x14ac:dyDescent="0.25">
      <c r="A62" s="9">
        <v>40880</v>
      </c>
      <c r="B62" s="8">
        <v>0</v>
      </c>
    </row>
    <row r="63" spans="1:2" x14ac:dyDescent="0.25">
      <c r="A63" s="9">
        <v>40881</v>
      </c>
      <c r="B63" s="8">
        <v>0</v>
      </c>
    </row>
    <row r="64" spans="1:2" x14ac:dyDescent="0.25">
      <c r="A64" s="9">
        <v>40882</v>
      </c>
      <c r="B64" s="8">
        <v>21</v>
      </c>
    </row>
    <row r="65" spans="1:2" x14ac:dyDescent="0.25">
      <c r="A65" s="9">
        <v>40883</v>
      </c>
      <c r="B65" s="8">
        <v>3.4</v>
      </c>
    </row>
    <row r="66" spans="1:2" x14ac:dyDescent="0.25">
      <c r="A66" s="9">
        <v>40884</v>
      </c>
      <c r="B66" s="8">
        <v>0</v>
      </c>
    </row>
    <row r="67" spans="1:2" x14ac:dyDescent="0.25">
      <c r="A67" s="9">
        <v>40885</v>
      </c>
      <c r="B67" s="8">
        <v>0</v>
      </c>
    </row>
    <row r="68" spans="1:2" x14ac:dyDescent="0.25">
      <c r="A68" s="9">
        <v>40886</v>
      </c>
      <c r="B68" s="8">
        <v>0</v>
      </c>
    </row>
    <row r="69" spans="1:2" x14ac:dyDescent="0.25">
      <c r="A69" s="9">
        <v>40887</v>
      </c>
      <c r="B69" s="8">
        <v>0</v>
      </c>
    </row>
    <row r="70" spans="1:2" x14ac:dyDescent="0.25">
      <c r="A70" s="9">
        <v>40888</v>
      </c>
      <c r="B70" s="8">
        <v>0</v>
      </c>
    </row>
    <row r="71" spans="1:2" x14ac:dyDescent="0.25">
      <c r="A71" s="9">
        <v>40889</v>
      </c>
      <c r="B71" s="8">
        <v>1</v>
      </c>
    </row>
    <row r="72" spans="1:2" x14ac:dyDescent="0.25">
      <c r="A72" s="9">
        <v>40890</v>
      </c>
      <c r="B72" s="8">
        <v>16.2</v>
      </c>
    </row>
    <row r="73" spans="1:2" x14ac:dyDescent="0.25">
      <c r="A73" s="9">
        <v>40891</v>
      </c>
      <c r="B73" s="8">
        <v>0</v>
      </c>
    </row>
    <row r="74" spans="1:2" x14ac:dyDescent="0.25">
      <c r="A74" s="9">
        <v>40892</v>
      </c>
      <c r="B74" s="8">
        <v>13.8</v>
      </c>
    </row>
    <row r="75" spans="1:2" x14ac:dyDescent="0.25">
      <c r="A75" s="9">
        <v>40893</v>
      </c>
      <c r="B75" s="8">
        <v>14.8</v>
      </c>
    </row>
    <row r="76" spans="1:2" x14ac:dyDescent="0.25">
      <c r="A76" s="9">
        <v>40894</v>
      </c>
      <c r="B76" s="8">
        <v>0</v>
      </c>
    </row>
    <row r="77" spans="1:2" x14ac:dyDescent="0.25">
      <c r="A77" s="9">
        <v>40895</v>
      </c>
      <c r="B77" s="8">
        <v>0</v>
      </c>
    </row>
    <row r="78" spans="1:2" x14ac:dyDescent="0.25">
      <c r="A78" s="9">
        <v>40896</v>
      </c>
      <c r="B78" s="8">
        <v>28.2</v>
      </c>
    </row>
    <row r="79" spans="1:2" x14ac:dyDescent="0.25">
      <c r="A79" s="9">
        <v>40897</v>
      </c>
      <c r="B79" s="8">
        <v>0</v>
      </c>
    </row>
    <row r="80" spans="1:2" x14ac:dyDescent="0.25">
      <c r="A80" s="9">
        <v>40898</v>
      </c>
      <c r="B80" s="8">
        <v>0</v>
      </c>
    </row>
    <row r="81" spans="1:2" x14ac:dyDescent="0.25">
      <c r="A81" s="9">
        <v>40899</v>
      </c>
      <c r="B81" s="8">
        <v>0</v>
      </c>
    </row>
    <row r="82" spans="1:2" x14ac:dyDescent="0.25">
      <c r="A82" s="9">
        <v>40900</v>
      </c>
      <c r="B82" s="8">
        <v>0</v>
      </c>
    </row>
    <row r="83" spans="1:2" x14ac:dyDescent="0.25">
      <c r="A83" s="9">
        <v>40901</v>
      </c>
      <c r="B83" s="8">
        <v>0</v>
      </c>
    </row>
    <row r="84" spans="1:2" x14ac:dyDescent="0.25">
      <c r="A84" s="9">
        <v>40902</v>
      </c>
      <c r="B84" s="8">
        <v>0</v>
      </c>
    </row>
    <row r="85" spans="1:2" x14ac:dyDescent="0.25">
      <c r="A85" s="9">
        <v>40903</v>
      </c>
      <c r="B85" s="8">
        <v>0</v>
      </c>
    </row>
    <row r="86" spans="1:2" x14ac:dyDescent="0.25">
      <c r="A86" s="9">
        <v>40904</v>
      </c>
      <c r="B86" s="8">
        <v>0</v>
      </c>
    </row>
    <row r="87" spans="1:2" x14ac:dyDescent="0.25">
      <c r="A87" s="9">
        <v>40905</v>
      </c>
      <c r="B87" s="8">
        <v>0</v>
      </c>
    </row>
    <row r="88" spans="1:2" x14ac:dyDescent="0.25">
      <c r="A88" s="9">
        <v>40906</v>
      </c>
      <c r="B88" s="8">
        <v>0</v>
      </c>
    </row>
    <row r="89" spans="1:2" x14ac:dyDescent="0.25">
      <c r="A89" s="9">
        <v>40907</v>
      </c>
      <c r="B89" s="8">
        <v>0</v>
      </c>
    </row>
    <row r="90" spans="1:2" x14ac:dyDescent="0.25">
      <c r="A90" s="9">
        <v>40908</v>
      </c>
      <c r="B90" s="8">
        <v>0</v>
      </c>
    </row>
    <row r="91" spans="1:2" x14ac:dyDescent="0.25">
      <c r="A91" s="9">
        <v>40909</v>
      </c>
      <c r="B91" s="8">
        <v>0</v>
      </c>
    </row>
    <row r="92" spans="1:2" x14ac:dyDescent="0.25">
      <c r="A92" s="9">
        <v>40910</v>
      </c>
      <c r="B92" s="8">
        <v>0</v>
      </c>
    </row>
    <row r="93" spans="1:2" x14ac:dyDescent="0.25">
      <c r="A93" s="9">
        <v>40911</v>
      </c>
      <c r="B93" s="8">
        <v>30.8</v>
      </c>
    </row>
    <row r="94" spans="1:2" x14ac:dyDescent="0.25">
      <c r="A94" s="9">
        <v>40912</v>
      </c>
      <c r="B94" s="8">
        <v>0.7</v>
      </c>
    </row>
    <row r="95" spans="1:2" x14ac:dyDescent="0.25">
      <c r="A95" s="9">
        <v>40913</v>
      </c>
      <c r="B95" s="8">
        <v>0.5</v>
      </c>
    </row>
    <row r="96" spans="1:2" x14ac:dyDescent="0.25">
      <c r="A96" s="9">
        <v>40914</v>
      </c>
      <c r="B96" s="8">
        <v>0.25</v>
      </c>
    </row>
    <row r="97" spans="1:2" x14ac:dyDescent="0.25">
      <c r="A97" s="9">
        <v>40915</v>
      </c>
      <c r="B97" s="8">
        <v>0</v>
      </c>
    </row>
    <row r="98" spans="1:2" x14ac:dyDescent="0.25">
      <c r="A98" s="9">
        <v>40916</v>
      </c>
      <c r="B98" s="8">
        <v>0</v>
      </c>
    </row>
    <row r="99" spans="1:2" x14ac:dyDescent="0.25">
      <c r="A99" s="9">
        <v>40917</v>
      </c>
      <c r="B99" s="8">
        <v>0</v>
      </c>
    </row>
    <row r="100" spans="1:2" x14ac:dyDescent="0.25">
      <c r="A100" s="9">
        <v>40918</v>
      </c>
      <c r="B100" s="8">
        <v>0</v>
      </c>
    </row>
    <row r="101" spans="1:2" x14ac:dyDescent="0.25">
      <c r="A101" s="9">
        <v>40919</v>
      </c>
      <c r="B101" s="8">
        <v>0</v>
      </c>
    </row>
    <row r="102" spans="1:2" x14ac:dyDescent="0.25">
      <c r="A102" s="9">
        <v>40920</v>
      </c>
      <c r="B102" s="8">
        <v>0</v>
      </c>
    </row>
    <row r="103" spans="1:2" x14ac:dyDescent="0.25">
      <c r="A103" s="9">
        <v>40921</v>
      </c>
      <c r="B103" s="8">
        <v>0</v>
      </c>
    </row>
    <row r="104" spans="1:2" x14ac:dyDescent="0.25">
      <c r="A104" s="9">
        <v>40922</v>
      </c>
      <c r="B104" s="8">
        <v>0</v>
      </c>
    </row>
    <row r="105" spans="1:2" x14ac:dyDescent="0.25">
      <c r="A105" s="9">
        <v>40923</v>
      </c>
      <c r="B105" s="8">
        <v>0</v>
      </c>
    </row>
    <row r="106" spans="1:2" x14ac:dyDescent="0.25">
      <c r="A106" s="9">
        <v>40924</v>
      </c>
      <c r="B106" s="8">
        <v>0</v>
      </c>
    </row>
    <row r="107" spans="1:2" x14ac:dyDescent="0.25">
      <c r="A107" s="9">
        <v>40925</v>
      </c>
      <c r="B107" s="8">
        <v>0</v>
      </c>
    </row>
    <row r="108" spans="1:2" x14ac:dyDescent="0.25">
      <c r="A108" s="9">
        <v>40926</v>
      </c>
      <c r="B108" s="8">
        <v>0</v>
      </c>
    </row>
    <row r="109" spans="1:2" x14ac:dyDescent="0.25">
      <c r="A109" s="9">
        <v>40927</v>
      </c>
      <c r="B109" s="8">
        <v>0</v>
      </c>
    </row>
    <row r="110" spans="1:2" x14ac:dyDescent="0.25">
      <c r="A110" s="9">
        <v>40928</v>
      </c>
      <c r="B110" s="8">
        <v>0</v>
      </c>
    </row>
    <row r="111" spans="1:2" x14ac:dyDescent="0.25">
      <c r="A111" s="9">
        <v>40929</v>
      </c>
      <c r="B111" s="8">
        <v>0</v>
      </c>
    </row>
    <row r="112" spans="1:2" x14ac:dyDescent="0.25">
      <c r="A112" s="9">
        <v>40930</v>
      </c>
      <c r="B112" s="8">
        <v>0</v>
      </c>
    </row>
    <row r="113" spans="1:2" x14ac:dyDescent="0.25">
      <c r="A113" s="9">
        <v>40931</v>
      </c>
      <c r="B113" s="8">
        <v>1.9</v>
      </c>
    </row>
    <row r="114" spans="1:2" x14ac:dyDescent="0.25">
      <c r="A114" s="9">
        <v>40932</v>
      </c>
      <c r="B114" s="8">
        <v>0</v>
      </c>
    </row>
    <row r="115" spans="1:2" x14ac:dyDescent="0.25">
      <c r="A115" s="9">
        <v>40933</v>
      </c>
      <c r="B115" s="8">
        <v>2.8</v>
      </c>
    </row>
    <row r="116" spans="1:2" x14ac:dyDescent="0.25">
      <c r="A116" s="9">
        <v>40934</v>
      </c>
      <c r="B116" s="8">
        <v>0</v>
      </c>
    </row>
    <row r="117" spans="1:2" x14ac:dyDescent="0.25">
      <c r="A117" s="9">
        <v>40935</v>
      </c>
      <c r="B117" s="8">
        <v>0</v>
      </c>
    </row>
    <row r="118" spans="1:2" x14ac:dyDescent="0.25">
      <c r="A118" s="9">
        <v>40936</v>
      </c>
      <c r="B118" s="8">
        <v>0</v>
      </c>
    </row>
    <row r="119" spans="1:2" x14ac:dyDescent="0.25">
      <c r="A119" s="9">
        <v>40937</v>
      </c>
      <c r="B119" s="8">
        <v>0</v>
      </c>
    </row>
    <row r="120" spans="1:2" x14ac:dyDescent="0.25">
      <c r="A120" s="9">
        <v>40938</v>
      </c>
      <c r="B120" s="8">
        <v>0</v>
      </c>
    </row>
    <row r="121" spans="1:2" x14ac:dyDescent="0.25">
      <c r="A121" s="9">
        <v>40939</v>
      </c>
      <c r="B121" s="8">
        <v>0</v>
      </c>
    </row>
    <row r="122" spans="1:2" x14ac:dyDescent="0.25">
      <c r="A122" s="9">
        <v>40940</v>
      </c>
      <c r="B122" s="8">
        <v>0</v>
      </c>
    </row>
    <row r="123" spans="1:2" x14ac:dyDescent="0.25">
      <c r="A123" s="9">
        <v>40941</v>
      </c>
      <c r="B123" s="8">
        <v>0</v>
      </c>
    </row>
    <row r="124" spans="1:2" x14ac:dyDescent="0.25">
      <c r="A124" s="9">
        <v>40942</v>
      </c>
      <c r="B124" s="8">
        <v>0</v>
      </c>
    </row>
    <row r="125" spans="1:2" x14ac:dyDescent="0.25">
      <c r="A125" s="9">
        <v>40943</v>
      </c>
      <c r="B125" s="8">
        <v>0</v>
      </c>
    </row>
    <row r="126" spans="1:2" x14ac:dyDescent="0.25">
      <c r="A126" s="9">
        <v>40944</v>
      </c>
      <c r="B126" s="8">
        <v>0</v>
      </c>
    </row>
    <row r="127" spans="1:2" x14ac:dyDescent="0.25">
      <c r="A127" s="9">
        <v>40945</v>
      </c>
      <c r="B127" s="8">
        <v>0</v>
      </c>
    </row>
    <row r="128" spans="1:2" x14ac:dyDescent="0.25">
      <c r="A128" s="9">
        <v>40946</v>
      </c>
      <c r="B128" s="8">
        <v>0</v>
      </c>
    </row>
    <row r="129" spans="1:2" x14ac:dyDescent="0.25">
      <c r="A129" s="9">
        <v>40947</v>
      </c>
      <c r="B129" s="8">
        <v>0</v>
      </c>
    </row>
    <row r="130" spans="1:2" x14ac:dyDescent="0.25">
      <c r="A130" s="9">
        <v>40948</v>
      </c>
      <c r="B130" s="8">
        <v>0</v>
      </c>
    </row>
    <row r="131" spans="1:2" x14ac:dyDescent="0.25">
      <c r="A131" s="9">
        <v>40949</v>
      </c>
      <c r="B131" s="8">
        <v>0</v>
      </c>
    </row>
    <row r="132" spans="1:2" x14ac:dyDescent="0.25">
      <c r="A132" s="9">
        <v>40950</v>
      </c>
      <c r="B132" s="8">
        <v>0</v>
      </c>
    </row>
    <row r="133" spans="1:2" x14ac:dyDescent="0.25">
      <c r="A133" s="9">
        <v>40951</v>
      </c>
      <c r="B133" s="8">
        <v>0</v>
      </c>
    </row>
    <row r="134" spans="1:2" x14ac:dyDescent="0.25">
      <c r="A134" s="9">
        <v>40952</v>
      </c>
      <c r="B134" s="8">
        <v>0</v>
      </c>
    </row>
    <row r="135" spans="1:2" x14ac:dyDescent="0.25">
      <c r="A135" s="9">
        <v>40953</v>
      </c>
      <c r="B135" s="8">
        <v>0</v>
      </c>
    </row>
    <row r="136" spans="1:2" x14ac:dyDescent="0.25">
      <c r="A136" s="9">
        <v>40954</v>
      </c>
      <c r="B136" s="8">
        <v>0</v>
      </c>
    </row>
    <row r="137" spans="1:2" x14ac:dyDescent="0.25">
      <c r="A137" s="9">
        <v>40955</v>
      </c>
      <c r="B137" s="8">
        <v>0</v>
      </c>
    </row>
    <row r="138" spans="1:2" x14ac:dyDescent="0.25">
      <c r="A138" s="9">
        <v>40956</v>
      </c>
      <c r="B138" s="8">
        <v>0</v>
      </c>
    </row>
    <row r="139" spans="1:2" x14ac:dyDescent="0.25">
      <c r="A139" s="9">
        <v>40957</v>
      </c>
      <c r="B139" s="8">
        <v>0</v>
      </c>
    </row>
    <row r="140" spans="1:2" x14ac:dyDescent="0.25">
      <c r="A140" s="9">
        <v>40958</v>
      </c>
      <c r="B140" s="8">
        <v>0</v>
      </c>
    </row>
    <row r="141" spans="1:2" x14ac:dyDescent="0.25">
      <c r="A141" s="9">
        <v>40959</v>
      </c>
      <c r="B141" s="8">
        <v>0</v>
      </c>
    </row>
    <row r="142" spans="1:2" x14ac:dyDescent="0.25">
      <c r="A142" s="9">
        <v>40960</v>
      </c>
      <c r="B142" s="8">
        <v>0</v>
      </c>
    </row>
    <row r="143" spans="1:2" x14ac:dyDescent="0.25">
      <c r="A143" s="9">
        <v>40961</v>
      </c>
      <c r="B143" s="8">
        <v>0</v>
      </c>
    </row>
    <row r="144" spans="1:2" x14ac:dyDescent="0.25">
      <c r="A144" s="9">
        <v>40962</v>
      </c>
      <c r="B144" s="8">
        <v>0</v>
      </c>
    </row>
    <row r="145" spans="1:2" x14ac:dyDescent="0.25">
      <c r="A145" s="9">
        <v>40963</v>
      </c>
      <c r="B145" s="8">
        <v>0</v>
      </c>
    </row>
    <row r="146" spans="1:2" x14ac:dyDescent="0.25">
      <c r="A146" s="9">
        <v>40964</v>
      </c>
      <c r="B146" s="8">
        <v>0</v>
      </c>
    </row>
    <row r="147" spans="1:2" x14ac:dyDescent="0.25">
      <c r="A147" s="9">
        <v>40965</v>
      </c>
      <c r="B147" s="8">
        <v>0</v>
      </c>
    </row>
    <row r="148" spans="1:2" x14ac:dyDescent="0.25">
      <c r="A148" s="9">
        <v>40966</v>
      </c>
      <c r="B148" s="8">
        <v>0</v>
      </c>
    </row>
    <row r="149" spans="1:2" x14ac:dyDescent="0.25">
      <c r="A149" s="9">
        <v>40967</v>
      </c>
      <c r="B149" s="8">
        <v>0</v>
      </c>
    </row>
    <row r="150" spans="1:2" x14ac:dyDescent="0.25">
      <c r="A150" s="9">
        <v>40968</v>
      </c>
      <c r="B150" s="8">
        <v>0</v>
      </c>
    </row>
    <row r="151" spans="1:2" x14ac:dyDescent="0.25">
      <c r="A151" s="9">
        <v>40969</v>
      </c>
      <c r="B151" s="8">
        <v>0</v>
      </c>
    </row>
    <row r="152" spans="1:2" x14ac:dyDescent="0.25">
      <c r="A152" s="9">
        <v>40970</v>
      </c>
      <c r="B152" s="8">
        <v>0</v>
      </c>
    </row>
    <row r="153" spans="1:2" x14ac:dyDescent="0.25">
      <c r="A153" s="9">
        <v>40971</v>
      </c>
      <c r="B153" s="8">
        <v>0</v>
      </c>
    </row>
    <row r="154" spans="1:2" x14ac:dyDescent="0.25">
      <c r="A154" s="9">
        <v>40972</v>
      </c>
      <c r="B154" s="8">
        <v>0</v>
      </c>
    </row>
    <row r="155" spans="1:2" x14ac:dyDescent="0.25">
      <c r="A155" s="9">
        <v>40973</v>
      </c>
      <c r="B155" s="8">
        <v>0</v>
      </c>
    </row>
    <row r="156" spans="1:2" x14ac:dyDescent="0.25">
      <c r="A156" s="9">
        <v>40974</v>
      </c>
      <c r="B156" s="8">
        <v>0</v>
      </c>
    </row>
    <row r="157" spans="1:2" x14ac:dyDescent="0.25">
      <c r="A157" s="9">
        <v>40975</v>
      </c>
      <c r="B157" s="8">
        <v>0</v>
      </c>
    </row>
    <row r="158" spans="1:2" x14ac:dyDescent="0.25">
      <c r="A158" s="9">
        <v>40976</v>
      </c>
      <c r="B158" s="8">
        <v>0</v>
      </c>
    </row>
    <row r="159" spans="1:2" x14ac:dyDescent="0.25">
      <c r="A159" s="9">
        <v>40977</v>
      </c>
      <c r="B159" s="8">
        <v>0</v>
      </c>
    </row>
    <row r="160" spans="1:2" x14ac:dyDescent="0.25">
      <c r="A160" s="9">
        <v>40978</v>
      </c>
      <c r="B160" s="8">
        <v>0</v>
      </c>
    </row>
    <row r="161" spans="1:2" x14ac:dyDescent="0.25">
      <c r="A161" s="9">
        <v>40979</v>
      </c>
      <c r="B161" s="8">
        <v>0</v>
      </c>
    </row>
    <row r="162" spans="1:2" x14ac:dyDescent="0.25">
      <c r="A162" s="9">
        <v>40980</v>
      </c>
      <c r="B162" s="8">
        <v>0</v>
      </c>
    </row>
    <row r="163" spans="1:2" x14ac:dyDescent="0.25">
      <c r="A163" s="9">
        <v>40981</v>
      </c>
      <c r="B163" s="8">
        <v>0</v>
      </c>
    </row>
    <row r="164" spans="1:2" x14ac:dyDescent="0.25">
      <c r="A164" s="9">
        <v>40982</v>
      </c>
      <c r="B164" s="8">
        <v>0</v>
      </c>
    </row>
    <row r="165" spans="1:2" x14ac:dyDescent="0.25">
      <c r="A165" s="9">
        <v>40983</v>
      </c>
      <c r="B165" s="8">
        <v>0</v>
      </c>
    </row>
    <row r="166" spans="1:2" x14ac:dyDescent="0.25">
      <c r="A166" s="9">
        <v>40984</v>
      </c>
      <c r="B166" s="8">
        <v>0</v>
      </c>
    </row>
    <row r="167" spans="1:2" x14ac:dyDescent="0.25">
      <c r="A167" s="9">
        <v>40985</v>
      </c>
      <c r="B167" s="8">
        <v>0</v>
      </c>
    </row>
    <row r="168" spans="1:2" x14ac:dyDescent="0.25">
      <c r="A168" s="9">
        <v>40986</v>
      </c>
      <c r="B168" s="8">
        <v>0</v>
      </c>
    </row>
    <row r="169" spans="1:2" x14ac:dyDescent="0.25">
      <c r="A169" s="9">
        <v>40987</v>
      </c>
      <c r="B169" s="8">
        <v>0</v>
      </c>
    </row>
    <row r="170" spans="1:2" x14ac:dyDescent="0.25">
      <c r="A170" s="9">
        <v>40988</v>
      </c>
      <c r="B170" s="8">
        <v>24</v>
      </c>
    </row>
    <row r="171" spans="1:2" x14ac:dyDescent="0.25">
      <c r="A171" s="9">
        <v>40989</v>
      </c>
      <c r="B171" s="8">
        <v>0</v>
      </c>
    </row>
    <row r="172" spans="1:2" x14ac:dyDescent="0.25">
      <c r="A172" s="9">
        <v>40990</v>
      </c>
      <c r="B172" s="8">
        <v>0</v>
      </c>
    </row>
    <row r="173" spans="1:2" x14ac:dyDescent="0.25">
      <c r="A173" s="9">
        <v>40991</v>
      </c>
      <c r="B173" s="8">
        <v>0</v>
      </c>
    </row>
    <row r="174" spans="1:2" x14ac:dyDescent="0.25">
      <c r="A174" s="9">
        <v>40992</v>
      </c>
      <c r="B174" s="8">
        <v>0</v>
      </c>
    </row>
    <row r="175" spans="1:2" x14ac:dyDescent="0.25">
      <c r="A175" s="9">
        <v>40993</v>
      </c>
      <c r="B175" s="8">
        <v>0</v>
      </c>
    </row>
    <row r="176" spans="1:2" x14ac:dyDescent="0.25">
      <c r="A176" s="9">
        <v>40994</v>
      </c>
      <c r="B176" s="8">
        <v>0</v>
      </c>
    </row>
    <row r="177" spans="1:2" x14ac:dyDescent="0.25">
      <c r="A177" s="9">
        <v>40995</v>
      </c>
      <c r="B177" s="8">
        <v>0</v>
      </c>
    </row>
    <row r="178" spans="1:2" x14ac:dyDescent="0.25">
      <c r="A178" s="9">
        <v>40996</v>
      </c>
      <c r="B178" s="8">
        <v>0</v>
      </c>
    </row>
    <row r="179" spans="1:2" x14ac:dyDescent="0.25">
      <c r="A179" s="9">
        <v>40997</v>
      </c>
      <c r="B179" s="8">
        <v>0</v>
      </c>
    </row>
    <row r="180" spans="1:2" x14ac:dyDescent="0.25">
      <c r="A180" s="9">
        <v>40998</v>
      </c>
      <c r="B180" s="8">
        <v>0</v>
      </c>
    </row>
    <row r="181" spans="1:2" x14ac:dyDescent="0.25">
      <c r="A181" s="9">
        <v>40999</v>
      </c>
      <c r="B181" s="8">
        <v>0</v>
      </c>
    </row>
    <row r="182" spans="1:2" x14ac:dyDescent="0.25">
      <c r="A182" s="9">
        <v>41000</v>
      </c>
      <c r="B182" s="8">
        <v>0</v>
      </c>
    </row>
    <row r="183" spans="1:2" x14ac:dyDescent="0.25">
      <c r="A183" s="9">
        <v>41001</v>
      </c>
      <c r="B183" s="8">
        <v>3.6</v>
      </c>
    </row>
    <row r="184" spans="1:2" x14ac:dyDescent="0.25">
      <c r="A184" s="9">
        <v>41002</v>
      </c>
      <c r="B184" s="8">
        <v>0</v>
      </c>
    </row>
    <row r="185" spans="1:2" x14ac:dyDescent="0.25">
      <c r="A185" s="9">
        <v>41003</v>
      </c>
      <c r="B185" s="8">
        <v>1.5</v>
      </c>
    </row>
    <row r="186" spans="1:2" x14ac:dyDescent="0.25">
      <c r="A186" s="9">
        <v>41004</v>
      </c>
      <c r="B186" s="8">
        <v>1.8</v>
      </c>
    </row>
    <row r="187" spans="1:2" x14ac:dyDescent="0.25">
      <c r="A187" s="9">
        <v>41005</v>
      </c>
      <c r="B187" s="8">
        <v>4.7</v>
      </c>
    </row>
    <row r="188" spans="1:2" x14ac:dyDescent="0.25">
      <c r="A188" s="9">
        <v>41006</v>
      </c>
      <c r="B188" s="8">
        <v>0</v>
      </c>
    </row>
    <row r="189" spans="1:2" x14ac:dyDescent="0.25">
      <c r="A189" s="9">
        <v>41007</v>
      </c>
      <c r="B189" s="8">
        <v>0</v>
      </c>
    </row>
    <row r="190" spans="1:2" x14ac:dyDescent="0.25">
      <c r="A190" s="9">
        <v>41008</v>
      </c>
      <c r="B190" s="8">
        <v>0</v>
      </c>
    </row>
    <row r="191" spans="1:2" x14ac:dyDescent="0.25">
      <c r="A191" s="9">
        <v>41009</v>
      </c>
      <c r="B191" s="8">
        <v>44.7</v>
      </c>
    </row>
    <row r="192" spans="1:2" x14ac:dyDescent="0.25">
      <c r="A192" s="9">
        <v>41010</v>
      </c>
      <c r="B192" s="8">
        <v>0</v>
      </c>
    </row>
    <row r="193" spans="1:2" x14ac:dyDescent="0.25">
      <c r="A193" s="9">
        <v>41011</v>
      </c>
      <c r="B193" s="8">
        <v>9.1999999999999993</v>
      </c>
    </row>
    <row r="194" spans="1:2" x14ac:dyDescent="0.25">
      <c r="A194" s="9">
        <v>41012</v>
      </c>
      <c r="B194" s="8">
        <v>0</v>
      </c>
    </row>
    <row r="195" spans="1:2" x14ac:dyDescent="0.25">
      <c r="A195" s="9">
        <v>41013</v>
      </c>
      <c r="B195" s="8">
        <v>0</v>
      </c>
    </row>
    <row r="196" spans="1:2" x14ac:dyDescent="0.25">
      <c r="A196" s="9">
        <v>41014</v>
      </c>
      <c r="B196" s="8">
        <v>0</v>
      </c>
    </row>
    <row r="197" spans="1:2" x14ac:dyDescent="0.25">
      <c r="A197" s="9">
        <v>41015</v>
      </c>
      <c r="B197" s="8">
        <v>11.4</v>
      </c>
    </row>
    <row r="198" spans="1:2" x14ac:dyDescent="0.25">
      <c r="A198" s="9">
        <v>41016</v>
      </c>
      <c r="B198" s="8">
        <v>0.4</v>
      </c>
    </row>
    <row r="199" spans="1:2" x14ac:dyDescent="0.25">
      <c r="A199" s="9">
        <v>41017</v>
      </c>
      <c r="B199" s="8">
        <v>0</v>
      </c>
    </row>
    <row r="200" spans="1:2" x14ac:dyDescent="0.25">
      <c r="A200" s="9">
        <v>41018</v>
      </c>
      <c r="B200" s="8">
        <v>1.4</v>
      </c>
    </row>
    <row r="201" spans="1:2" x14ac:dyDescent="0.25">
      <c r="A201" s="9">
        <v>41019</v>
      </c>
      <c r="B201" s="8">
        <v>1.7</v>
      </c>
    </row>
    <row r="202" spans="1:2" x14ac:dyDescent="0.25">
      <c r="A202" s="9">
        <v>41020</v>
      </c>
      <c r="B202" s="8">
        <v>0</v>
      </c>
    </row>
    <row r="203" spans="1:2" x14ac:dyDescent="0.25">
      <c r="A203" s="9">
        <v>41021</v>
      </c>
      <c r="B203" s="8">
        <v>0</v>
      </c>
    </row>
    <row r="204" spans="1:2" x14ac:dyDescent="0.25">
      <c r="A204" s="9">
        <v>41022</v>
      </c>
      <c r="B204" s="8">
        <v>15.8</v>
      </c>
    </row>
    <row r="205" spans="1:2" x14ac:dyDescent="0.25">
      <c r="A205" s="9">
        <v>41023</v>
      </c>
      <c r="B205" s="8">
        <v>1.9</v>
      </c>
    </row>
    <row r="206" spans="1:2" x14ac:dyDescent="0.25">
      <c r="A206" s="9">
        <v>41024</v>
      </c>
      <c r="B206" s="8">
        <v>10.6</v>
      </c>
    </row>
    <row r="207" spans="1:2" x14ac:dyDescent="0.25">
      <c r="A207" s="9">
        <v>41025</v>
      </c>
      <c r="B207" s="8">
        <v>0.9</v>
      </c>
    </row>
    <row r="208" spans="1:2" x14ac:dyDescent="0.25">
      <c r="A208" s="9">
        <v>41026</v>
      </c>
      <c r="B208" s="8">
        <v>0</v>
      </c>
    </row>
    <row r="209" spans="1:2" x14ac:dyDescent="0.25">
      <c r="A209" s="9">
        <v>41027</v>
      </c>
      <c r="B209" s="8">
        <v>0</v>
      </c>
    </row>
    <row r="210" spans="1:2" x14ac:dyDescent="0.25">
      <c r="A210" s="9">
        <v>41028</v>
      </c>
      <c r="B210" s="8">
        <v>0</v>
      </c>
    </row>
    <row r="211" spans="1:2" x14ac:dyDescent="0.25">
      <c r="A211" s="9">
        <v>41029</v>
      </c>
      <c r="B211" s="8">
        <v>0</v>
      </c>
    </row>
    <row r="212" spans="1:2" x14ac:dyDescent="0.25">
      <c r="A212" s="9">
        <v>41030</v>
      </c>
      <c r="B212" s="8">
        <v>0</v>
      </c>
    </row>
    <row r="213" spans="1:2" x14ac:dyDescent="0.25">
      <c r="A213" s="9">
        <v>41031</v>
      </c>
      <c r="B213" s="8">
        <v>0</v>
      </c>
    </row>
    <row r="214" spans="1:2" x14ac:dyDescent="0.25">
      <c r="A214" s="9">
        <v>41032</v>
      </c>
      <c r="B214" s="8">
        <v>8.9</v>
      </c>
    </row>
    <row r="215" spans="1:2" x14ac:dyDescent="0.25">
      <c r="A215" s="9">
        <v>41033</v>
      </c>
      <c r="B215" s="8">
        <v>0</v>
      </c>
    </row>
    <row r="216" spans="1:2" x14ac:dyDescent="0.25">
      <c r="A216" s="9">
        <v>41034</v>
      </c>
      <c r="B216" s="8">
        <v>0</v>
      </c>
    </row>
    <row r="217" spans="1:2" x14ac:dyDescent="0.25">
      <c r="A217" s="9">
        <v>41035</v>
      </c>
      <c r="B217" s="8">
        <v>0</v>
      </c>
    </row>
    <row r="218" spans="1:2" x14ac:dyDescent="0.25">
      <c r="A218" s="9">
        <v>41036</v>
      </c>
      <c r="B218" s="8">
        <v>24</v>
      </c>
    </row>
    <row r="219" spans="1:2" x14ac:dyDescent="0.25">
      <c r="A219" s="9">
        <v>41037</v>
      </c>
      <c r="B219" s="8">
        <v>8.3000000000000007</v>
      </c>
    </row>
    <row r="220" spans="1:2" x14ac:dyDescent="0.25">
      <c r="A220" s="9">
        <v>41038</v>
      </c>
      <c r="B220" s="8">
        <v>0</v>
      </c>
    </row>
    <row r="221" spans="1:2" x14ac:dyDescent="0.25">
      <c r="A221" s="9">
        <v>41039</v>
      </c>
      <c r="B221" s="8">
        <v>0</v>
      </c>
    </row>
    <row r="222" spans="1:2" x14ac:dyDescent="0.25">
      <c r="A222" s="9">
        <v>41040</v>
      </c>
      <c r="B222" s="8">
        <v>0</v>
      </c>
    </row>
    <row r="223" spans="1:2" x14ac:dyDescent="0.25">
      <c r="A223" s="9">
        <v>41041</v>
      </c>
      <c r="B223" s="8">
        <v>0</v>
      </c>
    </row>
    <row r="224" spans="1:2" x14ac:dyDescent="0.25">
      <c r="A224" s="9">
        <v>41042</v>
      </c>
      <c r="B224" s="8">
        <v>0</v>
      </c>
    </row>
    <row r="225" spans="1:2" x14ac:dyDescent="0.25">
      <c r="A225" s="9">
        <v>41043</v>
      </c>
      <c r="B225" s="8">
        <v>46</v>
      </c>
    </row>
    <row r="226" spans="1:2" x14ac:dyDescent="0.25">
      <c r="A226" s="9">
        <v>41044</v>
      </c>
      <c r="B226" s="8">
        <v>0</v>
      </c>
    </row>
    <row r="227" spans="1:2" x14ac:dyDescent="0.25">
      <c r="A227" s="9">
        <v>41045</v>
      </c>
      <c r="B227" s="8">
        <v>10.6</v>
      </c>
    </row>
    <row r="228" spans="1:2" x14ac:dyDescent="0.25">
      <c r="A228" s="9">
        <v>41046</v>
      </c>
      <c r="B228" s="8">
        <v>2.7</v>
      </c>
    </row>
    <row r="229" spans="1:2" x14ac:dyDescent="0.25">
      <c r="A229" s="9">
        <v>41047</v>
      </c>
      <c r="B229" s="8">
        <v>0</v>
      </c>
    </row>
    <row r="230" spans="1:2" x14ac:dyDescent="0.25">
      <c r="A230" s="9">
        <v>41048</v>
      </c>
      <c r="B230" s="8">
        <v>0</v>
      </c>
    </row>
    <row r="231" spans="1:2" x14ac:dyDescent="0.25">
      <c r="A231" s="9">
        <v>41049</v>
      </c>
      <c r="B231" s="8">
        <v>0</v>
      </c>
    </row>
    <row r="232" spans="1:2" x14ac:dyDescent="0.25">
      <c r="A232" s="9">
        <v>41050</v>
      </c>
      <c r="B232" s="8">
        <v>4.4000000000000004</v>
      </c>
    </row>
    <row r="233" spans="1:2" x14ac:dyDescent="0.25">
      <c r="A233" s="9">
        <v>41051</v>
      </c>
      <c r="B233" s="8">
        <v>16.5</v>
      </c>
    </row>
    <row r="234" spans="1:2" x14ac:dyDescent="0.25">
      <c r="A234" s="9">
        <v>41052</v>
      </c>
      <c r="B234" s="8">
        <v>4.0999999999999996</v>
      </c>
    </row>
    <row r="235" spans="1:2" x14ac:dyDescent="0.25">
      <c r="A235" s="9">
        <v>41053</v>
      </c>
      <c r="B235" s="8">
        <v>3.8</v>
      </c>
    </row>
    <row r="236" spans="1:2" x14ac:dyDescent="0.25">
      <c r="A236" s="9">
        <v>41054</v>
      </c>
      <c r="B236" s="8">
        <v>2.1</v>
      </c>
    </row>
    <row r="237" spans="1:2" x14ac:dyDescent="0.25">
      <c r="A237" s="9">
        <v>41055</v>
      </c>
      <c r="B237" s="8">
        <v>0</v>
      </c>
    </row>
    <row r="238" spans="1:2" x14ac:dyDescent="0.25">
      <c r="A238" s="9">
        <v>41056</v>
      </c>
      <c r="B238" s="8">
        <v>0</v>
      </c>
    </row>
    <row r="239" spans="1:2" x14ac:dyDescent="0.25">
      <c r="A239" s="9">
        <v>41057</v>
      </c>
      <c r="B239" s="8">
        <v>0.4</v>
      </c>
    </row>
    <row r="240" spans="1:2" x14ac:dyDescent="0.25">
      <c r="A240" s="9">
        <v>41058</v>
      </c>
      <c r="B240" s="8">
        <v>0.6</v>
      </c>
    </row>
    <row r="241" spans="1:2" x14ac:dyDescent="0.25">
      <c r="A241" s="9">
        <v>41059</v>
      </c>
      <c r="B241" s="8">
        <v>0.2</v>
      </c>
    </row>
    <row r="242" spans="1:2" x14ac:dyDescent="0.25">
      <c r="A242" s="9">
        <v>41060</v>
      </c>
      <c r="B242" s="8">
        <v>0.2</v>
      </c>
    </row>
    <row r="243" spans="1:2" x14ac:dyDescent="0.25">
      <c r="A243" s="9">
        <v>41061</v>
      </c>
      <c r="B243" s="8">
        <v>0.2</v>
      </c>
    </row>
    <row r="244" spans="1:2" x14ac:dyDescent="0.25">
      <c r="A244" s="9">
        <v>41062</v>
      </c>
      <c r="B244" s="8">
        <v>0</v>
      </c>
    </row>
    <row r="245" spans="1:2" x14ac:dyDescent="0.25">
      <c r="A245" s="9">
        <v>41063</v>
      </c>
      <c r="B245" s="8">
        <v>0</v>
      </c>
    </row>
    <row r="246" spans="1:2" x14ac:dyDescent="0.25">
      <c r="A246" s="9">
        <v>41064</v>
      </c>
      <c r="B246" s="8">
        <v>10.5</v>
      </c>
    </row>
    <row r="247" spans="1:2" x14ac:dyDescent="0.25">
      <c r="A247" s="9">
        <v>41065</v>
      </c>
      <c r="B247" s="8">
        <v>28.3</v>
      </c>
    </row>
    <row r="248" spans="1:2" x14ac:dyDescent="0.25">
      <c r="A248" s="9">
        <v>41066</v>
      </c>
      <c r="B248" s="8">
        <v>0.9</v>
      </c>
    </row>
    <row r="249" spans="1:2" x14ac:dyDescent="0.25">
      <c r="A249" s="9">
        <v>41067</v>
      </c>
      <c r="B249" s="8">
        <v>0</v>
      </c>
    </row>
    <row r="250" spans="1:2" x14ac:dyDescent="0.25">
      <c r="A250" s="9">
        <v>41068</v>
      </c>
      <c r="B250" s="8">
        <v>0</v>
      </c>
    </row>
    <row r="251" spans="1:2" x14ac:dyDescent="0.25">
      <c r="A251" s="9">
        <v>41069</v>
      </c>
      <c r="B251" s="8">
        <v>0</v>
      </c>
    </row>
    <row r="252" spans="1:2" x14ac:dyDescent="0.25">
      <c r="A252" s="9">
        <v>41070</v>
      </c>
      <c r="B252" s="8">
        <v>0</v>
      </c>
    </row>
    <row r="253" spans="1:2" x14ac:dyDescent="0.25">
      <c r="A253" s="9">
        <v>41071</v>
      </c>
      <c r="B253" s="8">
        <v>21.1</v>
      </c>
    </row>
    <row r="254" spans="1:2" x14ac:dyDescent="0.25">
      <c r="A254" s="9">
        <v>41072</v>
      </c>
      <c r="B254" s="8">
        <v>12.2</v>
      </c>
    </row>
    <row r="255" spans="1:2" x14ac:dyDescent="0.25">
      <c r="A255" s="9">
        <v>41073</v>
      </c>
      <c r="B255" s="8">
        <v>35.5</v>
      </c>
    </row>
    <row r="256" spans="1:2" x14ac:dyDescent="0.25">
      <c r="A256" s="9">
        <v>41074</v>
      </c>
      <c r="B256" s="8">
        <v>22.1</v>
      </c>
    </row>
    <row r="257" spans="1:2" x14ac:dyDescent="0.25">
      <c r="A257" s="9">
        <v>41075</v>
      </c>
      <c r="B257" s="8">
        <v>0</v>
      </c>
    </row>
    <row r="258" spans="1:2" x14ac:dyDescent="0.25">
      <c r="A258" s="9">
        <v>41076</v>
      </c>
      <c r="B258" s="8">
        <v>0</v>
      </c>
    </row>
    <row r="259" spans="1:2" x14ac:dyDescent="0.25">
      <c r="A259" s="9">
        <v>41077</v>
      </c>
      <c r="B259" s="8">
        <v>0</v>
      </c>
    </row>
    <row r="260" spans="1:2" x14ac:dyDescent="0.25">
      <c r="A260" s="9">
        <v>41078</v>
      </c>
      <c r="B260" s="8">
        <v>0</v>
      </c>
    </row>
    <row r="261" spans="1:2" x14ac:dyDescent="0.25">
      <c r="A261" s="9">
        <v>41079</v>
      </c>
      <c r="B261" s="8">
        <v>0</v>
      </c>
    </row>
    <row r="262" spans="1:2" x14ac:dyDescent="0.25">
      <c r="A262" s="9">
        <v>41080</v>
      </c>
      <c r="B262" s="8">
        <v>0</v>
      </c>
    </row>
    <row r="263" spans="1:2" x14ac:dyDescent="0.25">
      <c r="A263" s="9">
        <v>41081</v>
      </c>
      <c r="B263" s="8">
        <v>0</v>
      </c>
    </row>
    <row r="264" spans="1:2" x14ac:dyDescent="0.25">
      <c r="A264" s="9">
        <v>41082</v>
      </c>
      <c r="B264" s="8">
        <v>0.2</v>
      </c>
    </row>
    <row r="265" spans="1:2" x14ac:dyDescent="0.25">
      <c r="A265" s="9">
        <v>41083</v>
      </c>
      <c r="B265" s="8">
        <v>0</v>
      </c>
    </row>
    <row r="266" spans="1:2" x14ac:dyDescent="0.25">
      <c r="A266" s="9">
        <v>41084</v>
      </c>
      <c r="B266" s="8">
        <v>0</v>
      </c>
    </row>
    <row r="267" spans="1:2" x14ac:dyDescent="0.25">
      <c r="A267" s="9">
        <v>41085</v>
      </c>
      <c r="B267" s="8">
        <v>7.6</v>
      </c>
    </row>
    <row r="268" spans="1:2" x14ac:dyDescent="0.25">
      <c r="A268" s="9">
        <v>41086</v>
      </c>
      <c r="B268" s="8">
        <v>0</v>
      </c>
    </row>
    <row r="269" spans="1:2" x14ac:dyDescent="0.25">
      <c r="A269" s="9">
        <v>41087</v>
      </c>
      <c r="B269" s="8">
        <v>0</v>
      </c>
    </row>
    <row r="270" spans="1:2" x14ac:dyDescent="0.25">
      <c r="A270" s="9">
        <v>41088</v>
      </c>
      <c r="B270" s="8">
        <v>0</v>
      </c>
    </row>
    <row r="271" spans="1:2" x14ac:dyDescent="0.25">
      <c r="A271" s="9">
        <v>41089</v>
      </c>
      <c r="B271" s="8">
        <v>0</v>
      </c>
    </row>
    <row r="272" spans="1:2" x14ac:dyDescent="0.25">
      <c r="A272" s="9">
        <v>41090</v>
      </c>
      <c r="B272" s="8">
        <v>0</v>
      </c>
    </row>
    <row r="273" spans="1:2" x14ac:dyDescent="0.25">
      <c r="A273" s="9">
        <v>41091</v>
      </c>
      <c r="B273" s="8">
        <v>0</v>
      </c>
    </row>
    <row r="274" spans="1:2" x14ac:dyDescent="0.25">
      <c r="A274" s="9">
        <v>41092</v>
      </c>
      <c r="B274" s="8">
        <v>0</v>
      </c>
    </row>
    <row r="275" spans="1:2" x14ac:dyDescent="0.25">
      <c r="A275" s="9">
        <v>41093</v>
      </c>
      <c r="B275" s="8">
        <v>0</v>
      </c>
    </row>
    <row r="276" spans="1:2" x14ac:dyDescent="0.25">
      <c r="A276" s="9">
        <v>41094</v>
      </c>
      <c r="B276" s="8">
        <v>0</v>
      </c>
    </row>
    <row r="277" spans="1:2" x14ac:dyDescent="0.25">
      <c r="A277" s="9">
        <v>41095</v>
      </c>
      <c r="B277" s="8">
        <v>0</v>
      </c>
    </row>
    <row r="278" spans="1:2" x14ac:dyDescent="0.25">
      <c r="A278" s="9">
        <v>41096</v>
      </c>
      <c r="B278" s="8">
        <v>59</v>
      </c>
    </row>
    <row r="279" spans="1:2" x14ac:dyDescent="0.25">
      <c r="A279" s="9">
        <v>41097</v>
      </c>
      <c r="B279" s="8">
        <v>0</v>
      </c>
    </row>
    <row r="280" spans="1:2" x14ac:dyDescent="0.25">
      <c r="A280" s="9">
        <v>41098</v>
      </c>
      <c r="B280" s="8">
        <v>0</v>
      </c>
    </row>
    <row r="281" spans="1:2" x14ac:dyDescent="0.25">
      <c r="A281" s="9">
        <v>41099</v>
      </c>
      <c r="B281" s="8">
        <v>12.1</v>
      </c>
    </row>
    <row r="282" spans="1:2" x14ac:dyDescent="0.25">
      <c r="A282" s="9">
        <v>41100</v>
      </c>
      <c r="B282" s="8">
        <v>12.7</v>
      </c>
    </row>
    <row r="283" spans="1:2" x14ac:dyDescent="0.25">
      <c r="A283" s="9">
        <v>41101</v>
      </c>
      <c r="B283" s="8">
        <v>4.7</v>
      </c>
    </row>
    <row r="284" spans="1:2" x14ac:dyDescent="0.25">
      <c r="A284" s="9">
        <v>41102</v>
      </c>
      <c r="B284" s="8">
        <v>42.3</v>
      </c>
    </row>
    <row r="285" spans="1:2" x14ac:dyDescent="0.25">
      <c r="A285" s="9">
        <v>41103</v>
      </c>
      <c r="B285" s="8">
        <v>0.1</v>
      </c>
    </row>
    <row r="286" spans="1:2" x14ac:dyDescent="0.25">
      <c r="A286" s="9">
        <v>41104</v>
      </c>
      <c r="B286" s="8">
        <v>0</v>
      </c>
    </row>
    <row r="287" spans="1:2" x14ac:dyDescent="0.25">
      <c r="A287" s="9">
        <v>41105</v>
      </c>
      <c r="B287" s="8">
        <v>0</v>
      </c>
    </row>
    <row r="288" spans="1:2" x14ac:dyDescent="0.25">
      <c r="A288" s="9">
        <v>41106</v>
      </c>
      <c r="B288" s="8">
        <v>0</v>
      </c>
    </row>
    <row r="289" spans="1:2" x14ac:dyDescent="0.25">
      <c r="A289" s="9">
        <v>41107</v>
      </c>
      <c r="B289" s="8">
        <v>11.2</v>
      </c>
    </row>
    <row r="290" spans="1:2" x14ac:dyDescent="0.25">
      <c r="A290" s="9">
        <v>41108</v>
      </c>
      <c r="B290" s="8">
        <v>0</v>
      </c>
    </row>
    <row r="291" spans="1:2" x14ac:dyDescent="0.25">
      <c r="A291" s="9">
        <v>41109</v>
      </c>
      <c r="B291" s="8">
        <v>0</v>
      </c>
    </row>
    <row r="292" spans="1:2" x14ac:dyDescent="0.25">
      <c r="A292" s="9">
        <v>41110</v>
      </c>
      <c r="B292" s="8">
        <v>0</v>
      </c>
    </row>
    <row r="293" spans="1:2" x14ac:dyDescent="0.25">
      <c r="A293" s="9">
        <v>41111</v>
      </c>
      <c r="B293" s="8">
        <v>0</v>
      </c>
    </row>
    <row r="294" spans="1:2" x14ac:dyDescent="0.25">
      <c r="A294" s="9">
        <v>41112</v>
      </c>
      <c r="B294" s="8">
        <v>0</v>
      </c>
    </row>
    <row r="295" spans="1:2" x14ac:dyDescent="0.25">
      <c r="A295" s="9">
        <v>41113</v>
      </c>
      <c r="B295" s="8">
        <v>13.3</v>
      </c>
    </row>
    <row r="296" spans="1:2" x14ac:dyDescent="0.25">
      <c r="A296" s="9">
        <v>41114</v>
      </c>
      <c r="B296" s="8">
        <v>0</v>
      </c>
    </row>
    <row r="297" spans="1:2" x14ac:dyDescent="0.25">
      <c r="A297" s="9">
        <v>41115</v>
      </c>
      <c r="B297" s="8">
        <v>7.5</v>
      </c>
    </row>
    <row r="298" spans="1:2" x14ac:dyDescent="0.25">
      <c r="A298" s="9">
        <v>41116</v>
      </c>
      <c r="B298" s="8">
        <v>0.2</v>
      </c>
    </row>
    <row r="299" spans="1:2" x14ac:dyDescent="0.25">
      <c r="A299" s="9">
        <v>41117</v>
      </c>
      <c r="B299" s="8">
        <v>0</v>
      </c>
    </row>
    <row r="300" spans="1:2" x14ac:dyDescent="0.25">
      <c r="A300" s="9">
        <v>41118</v>
      </c>
      <c r="B300" s="8">
        <v>0</v>
      </c>
    </row>
    <row r="301" spans="1:2" x14ac:dyDescent="0.25">
      <c r="A301" s="9">
        <v>41119</v>
      </c>
      <c r="B301" s="8">
        <v>0</v>
      </c>
    </row>
    <row r="302" spans="1:2" x14ac:dyDescent="0.25">
      <c r="A302" s="9">
        <v>41120</v>
      </c>
      <c r="B302" s="8">
        <v>0</v>
      </c>
    </row>
    <row r="303" spans="1:2" x14ac:dyDescent="0.25">
      <c r="A303" s="9">
        <v>41121</v>
      </c>
      <c r="B303" s="8">
        <v>0</v>
      </c>
    </row>
    <row r="304" spans="1:2" x14ac:dyDescent="0.25">
      <c r="A304" s="9">
        <v>41122</v>
      </c>
      <c r="B304" s="8">
        <v>0</v>
      </c>
    </row>
    <row r="305" spans="1:2" x14ac:dyDescent="0.25">
      <c r="A305" s="9">
        <v>41123</v>
      </c>
      <c r="B305" s="8">
        <v>0</v>
      </c>
    </row>
    <row r="306" spans="1:2" x14ac:dyDescent="0.25">
      <c r="A306" s="9">
        <v>41124</v>
      </c>
      <c r="B306" s="8">
        <v>0</v>
      </c>
    </row>
    <row r="307" spans="1:2" x14ac:dyDescent="0.25">
      <c r="A307" s="9">
        <v>41125</v>
      </c>
      <c r="B307" s="8">
        <v>0</v>
      </c>
    </row>
    <row r="308" spans="1:2" x14ac:dyDescent="0.25">
      <c r="A308" s="9">
        <v>41126</v>
      </c>
      <c r="B308" s="8">
        <v>0</v>
      </c>
    </row>
    <row r="309" spans="1:2" x14ac:dyDescent="0.25">
      <c r="A309" s="9">
        <v>41127</v>
      </c>
      <c r="B309" s="8">
        <v>0</v>
      </c>
    </row>
    <row r="310" spans="1:2" x14ac:dyDescent="0.25">
      <c r="A310" s="9">
        <v>41128</v>
      </c>
      <c r="B310" s="8">
        <v>0</v>
      </c>
    </row>
    <row r="311" spans="1:2" x14ac:dyDescent="0.25">
      <c r="A311" s="9">
        <v>41129</v>
      </c>
      <c r="B311" s="8">
        <v>0</v>
      </c>
    </row>
    <row r="312" spans="1:2" x14ac:dyDescent="0.25">
      <c r="A312" s="9">
        <v>41130</v>
      </c>
      <c r="B312" s="8">
        <v>0</v>
      </c>
    </row>
    <row r="313" spans="1:2" x14ac:dyDescent="0.25">
      <c r="A313" s="9">
        <v>41131</v>
      </c>
      <c r="B313" s="8">
        <v>0</v>
      </c>
    </row>
    <row r="314" spans="1:2" x14ac:dyDescent="0.25">
      <c r="A314" s="9">
        <v>41132</v>
      </c>
      <c r="B314" s="8">
        <v>0</v>
      </c>
    </row>
    <row r="315" spans="1:2" x14ac:dyDescent="0.25">
      <c r="A315" s="9">
        <v>41133</v>
      </c>
      <c r="B315" s="8">
        <v>0</v>
      </c>
    </row>
    <row r="316" spans="1:2" x14ac:dyDescent="0.25">
      <c r="A316" s="9">
        <v>41134</v>
      </c>
      <c r="B316" s="8">
        <v>1.2</v>
      </c>
    </row>
    <row r="317" spans="1:2" x14ac:dyDescent="0.25">
      <c r="A317" s="9">
        <v>41135</v>
      </c>
      <c r="B317" s="8">
        <v>0</v>
      </c>
    </row>
    <row r="318" spans="1:2" x14ac:dyDescent="0.25">
      <c r="A318" s="9">
        <v>41136</v>
      </c>
      <c r="B318" s="8">
        <v>0</v>
      </c>
    </row>
    <row r="319" spans="1:2" x14ac:dyDescent="0.25">
      <c r="A319" s="9">
        <v>41137</v>
      </c>
      <c r="B319" s="8">
        <v>0</v>
      </c>
    </row>
    <row r="320" spans="1:2" x14ac:dyDescent="0.25">
      <c r="A320" s="9">
        <v>41138</v>
      </c>
      <c r="B320" s="8">
        <v>20</v>
      </c>
    </row>
    <row r="321" spans="1:2" x14ac:dyDescent="0.25">
      <c r="A321" s="9">
        <v>41139</v>
      </c>
      <c r="B321" s="8">
        <v>0</v>
      </c>
    </row>
    <row r="322" spans="1:2" x14ac:dyDescent="0.25">
      <c r="A322" s="9">
        <v>41140</v>
      </c>
      <c r="B322" s="8">
        <v>0</v>
      </c>
    </row>
    <row r="323" spans="1:2" x14ac:dyDescent="0.25">
      <c r="A323" s="9">
        <v>41141</v>
      </c>
      <c r="B323" s="8">
        <v>0</v>
      </c>
    </row>
    <row r="324" spans="1:2" x14ac:dyDescent="0.25">
      <c r="A324" s="9">
        <v>41142</v>
      </c>
      <c r="B324" s="8">
        <v>0</v>
      </c>
    </row>
    <row r="325" spans="1:2" x14ac:dyDescent="0.25">
      <c r="A325" s="9">
        <v>41143</v>
      </c>
      <c r="B325" s="8">
        <v>0</v>
      </c>
    </row>
    <row r="326" spans="1:2" x14ac:dyDescent="0.25">
      <c r="A326" s="9">
        <v>41144</v>
      </c>
      <c r="B326" s="8">
        <v>0</v>
      </c>
    </row>
    <row r="327" spans="1:2" x14ac:dyDescent="0.25">
      <c r="A327" s="9">
        <v>41145</v>
      </c>
      <c r="B327" s="8">
        <v>0</v>
      </c>
    </row>
    <row r="328" spans="1:2" x14ac:dyDescent="0.25">
      <c r="A328" s="9">
        <v>41146</v>
      </c>
      <c r="B328" s="8">
        <v>0</v>
      </c>
    </row>
    <row r="329" spans="1:2" x14ac:dyDescent="0.25">
      <c r="A329" s="9">
        <v>41147</v>
      </c>
      <c r="B329" s="8">
        <v>0</v>
      </c>
    </row>
    <row r="330" spans="1:2" x14ac:dyDescent="0.25">
      <c r="A330" s="9">
        <v>41148</v>
      </c>
      <c r="B330" s="8">
        <v>43.9</v>
      </c>
    </row>
    <row r="331" spans="1:2" x14ac:dyDescent="0.25">
      <c r="A331" s="9">
        <v>41149</v>
      </c>
      <c r="B331" s="8">
        <v>0</v>
      </c>
    </row>
    <row r="332" spans="1:2" x14ac:dyDescent="0.25">
      <c r="A332" s="9">
        <v>41150</v>
      </c>
      <c r="B332" s="8">
        <v>0</v>
      </c>
    </row>
    <row r="333" spans="1:2" x14ac:dyDescent="0.25">
      <c r="A333" s="9">
        <v>41151</v>
      </c>
      <c r="B333" s="8">
        <v>0</v>
      </c>
    </row>
    <row r="334" spans="1:2" x14ac:dyDescent="0.25">
      <c r="A334" s="9">
        <v>41152</v>
      </c>
      <c r="B334" s="8">
        <v>0</v>
      </c>
    </row>
    <row r="335" spans="1:2" x14ac:dyDescent="0.25">
      <c r="A335" s="9">
        <v>41153</v>
      </c>
      <c r="B335" s="8">
        <v>0</v>
      </c>
    </row>
    <row r="336" spans="1:2" x14ac:dyDescent="0.25">
      <c r="A336" s="9">
        <v>41154</v>
      </c>
      <c r="B336" s="8">
        <v>0</v>
      </c>
    </row>
    <row r="337" spans="1:2" x14ac:dyDescent="0.25">
      <c r="A337" s="9">
        <v>41155</v>
      </c>
      <c r="B337" s="8">
        <v>71.099999999999994</v>
      </c>
    </row>
    <row r="338" spans="1:2" x14ac:dyDescent="0.25">
      <c r="A338" s="9">
        <v>41156</v>
      </c>
      <c r="B338" s="8">
        <v>0.5</v>
      </c>
    </row>
    <row r="339" spans="1:2" x14ac:dyDescent="0.25">
      <c r="A339" s="9">
        <v>41157</v>
      </c>
      <c r="B339" s="8">
        <v>0</v>
      </c>
    </row>
    <row r="340" spans="1:2" x14ac:dyDescent="0.25">
      <c r="A340" s="9">
        <v>41158</v>
      </c>
      <c r="B340" s="8">
        <v>15.7</v>
      </c>
    </row>
    <row r="341" spans="1:2" x14ac:dyDescent="0.25">
      <c r="A341" s="9">
        <v>41159</v>
      </c>
      <c r="B341" s="8">
        <v>0</v>
      </c>
    </row>
    <row r="342" spans="1:2" x14ac:dyDescent="0.25">
      <c r="A342" s="9">
        <v>41160</v>
      </c>
      <c r="B342" s="8">
        <v>0</v>
      </c>
    </row>
    <row r="343" spans="1:2" x14ac:dyDescent="0.25">
      <c r="A343" s="9">
        <v>41161</v>
      </c>
      <c r="B343" s="8">
        <v>0</v>
      </c>
    </row>
    <row r="344" spans="1:2" x14ac:dyDescent="0.25">
      <c r="A344" s="9">
        <v>41162</v>
      </c>
      <c r="B344" s="8">
        <v>0</v>
      </c>
    </row>
    <row r="345" spans="1:2" x14ac:dyDescent="0.25">
      <c r="A345" s="9">
        <v>41163</v>
      </c>
      <c r="B345" s="8">
        <v>0</v>
      </c>
    </row>
    <row r="346" spans="1:2" x14ac:dyDescent="0.25">
      <c r="A346" s="9">
        <v>41164</v>
      </c>
      <c r="B346" s="8">
        <v>0</v>
      </c>
    </row>
    <row r="347" spans="1:2" x14ac:dyDescent="0.25">
      <c r="A347" s="9">
        <v>41165</v>
      </c>
      <c r="B347" s="8">
        <v>57</v>
      </c>
    </row>
    <row r="348" spans="1:2" x14ac:dyDescent="0.25">
      <c r="A348" s="9">
        <v>41166</v>
      </c>
      <c r="B348" s="8">
        <v>9.8000000000000007</v>
      </c>
    </row>
    <row r="349" spans="1:2" x14ac:dyDescent="0.25">
      <c r="A349" s="9">
        <v>41167</v>
      </c>
      <c r="B349" s="8">
        <v>0</v>
      </c>
    </row>
    <row r="350" spans="1:2" x14ac:dyDescent="0.25">
      <c r="A350" s="9">
        <v>41168</v>
      </c>
      <c r="B350" s="8">
        <v>0</v>
      </c>
    </row>
    <row r="351" spans="1:2" x14ac:dyDescent="0.25">
      <c r="A351" s="9">
        <v>41169</v>
      </c>
      <c r="B351" s="8">
        <v>0</v>
      </c>
    </row>
    <row r="352" spans="1:2" x14ac:dyDescent="0.25">
      <c r="A352" s="9">
        <v>41170</v>
      </c>
      <c r="B352" s="8">
        <v>0</v>
      </c>
    </row>
    <row r="353" spans="1:2" x14ac:dyDescent="0.25">
      <c r="A353" s="9">
        <v>41171</v>
      </c>
      <c r="B353" s="8">
        <v>0</v>
      </c>
    </row>
    <row r="354" spans="1:2" x14ac:dyDescent="0.25">
      <c r="A354" s="9">
        <v>41172</v>
      </c>
      <c r="B354" s="8">
        <v>31.8</v>
      </c>
    </row>
    <row r="355" spans="1:2" x14ac:dyDescent="0.25">
      <c r="A355" s="9">
        <v>41173</v>
      </c>
      <c r="B355" s="8">
        <v>0</v>
      </c>
    </row>
    <row r="356" spans="1:2" x14ac:dyDescent="0.25">
      <c r="A356" s="9">
        <v>41174</v>
      </c>
      <c r="B356" s="8">
        <v>0</v>
      </c>
    </row>
    <row r="357" spans="1:2" x14ac:dyDescent="0.25">
      <c r="A357" s="9">
        <v>41175</v>
      </c>
      <c r="B357" s="8">
        <v>0</v>
      </c>
    </row>
    <row r="358" spans="1:2" x14ac:dyDescent="0.25">
      <c r="A358" s="9">
        <v>41176</v>
      </c>
      <c r="B358" s="8">
        <v>0</v>
      </c>
    </row>
    <row r="359" spans="1:2" x14ac:dyDescent="0.25">
      <c r="A359" s="9">
        <v>41177</v>
      </c>
      <c r="B359" s="8"/>
    </row>
    <row r="360" spans="1:2" x14ac:dyDescent="0.25">
      <c r="A360" s="9">
        <v>41178</v>
      </c>
      <c r="B360" s="8">
        <v>19.5</v>
      </c>
    </row>
    <row r="361" spans="1:2" x14ac:dyDescent="0.25">
      <c r="A361" s="9">
        <v>41179</v>
      </c>
      <c r="B361" s="8">
        <v>3.8</v>
      </c>
    </row>
    <row r="362" spans="1:2" x14ac:dyDescent="0.25">
      <c r="A362" s="9">
        <v>41180</v>
      </c>
      <c r="B362" s="8">
        <v>10.4</v>
      </c>
    </row>
    <row r="363" spans="1:2" x14ac:dyDescent="0.25">
      <c r="A363" s="9">
        <v>41181</v>
      </c>
      <c r="B363" s="8">
        <v>0</v>
      </c>
    </row>
    <row r="364" spans="1:2" x14ac:dyDescent="0.25">
      <c r="A364" s="9">
        <v>41182</v>
      </c>
      <c r="B364" s="8">
        <v>0</v>
      </c>
    </row>
    <row r="365" spans="1:2" x14ac:dyDescent="0.25">
      <c r="A365" s="9">
        <v>41183</v>
      </c>
      <c r="B365" s="8">
        <v>4.5999999999999996</v>
      </c>
    </row>
    <row r="366" spans="1:2" x14ac:dyDescent="0.25">
      <c r="A366" s="9">
        <v>41184</v>
      </c>
      <c r="B366" s="8">
        <v>0</v>
      </c>
    </row>
    <row r="367" spans="1:2" x14ac:dyDescent="0.25">
      <c r="A367" s="9">
        <v>41185</v>
      </c>
      <c r="B367" s="8">
        <v>4.2</v>
      </c>
    </row>
    <row r="368" spans="1:2" x14ac:dyDescent="0.25">
      <c r="A368" s="9">
        <v>41186</v>
      </c>
      <c r="B368" s="8">
        <v>0</v>
      </c>
    </row>
    <row r="369" spans="1:2" x14ac:dyDescent="0.25">
      <c r="A369" s="9">
        <v>41187</v>
      </c>
      <c r="B369" s="8">
        <v>0</v>
      </c>
    </row>
    <row r="370" spans="1:2" x14ac:dyDescent="0.25">
      <c r="A370" s="9">
        <v>41188</v>
      </c>
      <c r="B370" s="8">
        <v>0</v>
      </c>
    </row>
    <row r="371" spans="1:2" x14ac:dyDescent="0.25">
      <c r="A371" s="9">
        <v>41189</v>
      </c>
      <c r="B371" s="8">
        <v>0</v>
      </c>
    </row>
    <row r="372" spans="1:2" x14ac:dyDescent="0.25">
      <c r="A372" s="9">
        <v>41190</v>
      </c>
      <c r="B372" s="8">
        <v>4.0999999999999996</v>
      </c>
    </row>
    <row r="373" spans="1:2" x14ac:dyDescent="0.25">
      <c r="A373" s="9">
        <v>41191</v>
      </c>
      <c r="B373" s="8">
        <v>0</v>
      </c>
    </row>
    <row r="374" spans="1:2" x14ac:dyDescent="0.25">
      <c r="A374" s="9">
        <v>41192</v>
      </c>
      <c r="B374" s="8">
        <v>6</v>
      </c>
    </row>
    <row r="375" spans="1:2" x14ac:dyDescent="0.25">
      <c r="A375" s="9">
        <v>41193</v>
      </c>
      <c r="B375" s="8">
        <v>0.8</v>
      </c>
    </row>
    <row r="376" spans="1:2" x14ac:dyDescent="0.25">
      <c r="A376" s="9">
        <v>41194</v>
      </c>
      <c r="B376" s="8">
        <v>0</v>
      </c>
    </row>
    <row r="377" spans="1:2" x14ac:dyDescent="0.25">
      <c r="A377" s="9">
        <v>41195</v>
      </c>
      <c r="B377" s="8">
        <v>0</v>
      </c>
    </row>
    <row r="378" spans="1:2" x14ac:dyDescent="0.25">
      <c r="A378" s="9">
        <v>41196</v>
      </c>
      <c r="B378" s="8">
        <v>0</v>
      </c>
    </row>
    <row r="379" spans="1:2" x14ac:dyDescent="0.25">
      <c r="A379" s="9">
        <v>41197</v>
      </c>
      <c r="B379" s="8">
        <v>14</v>
      </c>
    </row>
    <row r="380" spans="1:2" x14ac:dyDescent="0.25">
      <c r="A380" s="9">
        <v>41198</v>
      </c>
      <c r="B380" s="8">
        <v>62.6</v>
      </c>
    </row>
    <row r="381" spans="1:2" x14ac:dyDescent="0.25">
      <c r="A381" s="9">
        <v>41199</v>
      </c>
      <c r="B381" s="8">
        <v>3.1</v>
      </c>
    </row>
    <row r="382" spans="1:2" x14ac:dyDescent="0.25">
      <c r="A382" s="9">
        <v>41200</v>
      </c>
      <c r="B382" s="8">
        <v>0</v>
      </c>
    </row>
    <row r="383" spans="1:2" x14ac:dyDescent="0.25">
      <c r="A383" s="9">
        <v>41201</v>
      </c>
      <c r="B383" s="8">
        <v>0</v>
      </c>
    </row>
    <row r="384" spans="1:2" x14ac:dyDescent="0.25">
      <c r="A384" s="9">
        <v>41202</v>
      </c>
      <c r="B384" s="8">
        <v>0</v>
      </c>
    </row>
    <row r="385" spans="1:2" x14ac:dyDescent="0.25">
      <c r="A385" s="9">
        <v>41203</v>
      </c>
      <c r="B385" s="8">
        <v>0</v>
      </c>
    </row>
    <row r="386" spans="1:2" x14ac:dyDescent="0.25">
      <c r="A386" s="9">
        <v>41204</v>
      </c>
      <c r="B386" s="8">
        <v>0</v>
      </c>
    </row>
    <row r="387" spans="1:2" x14ac:dyDescent="0.25">
      <c r="A387" s="9">
        <v>41205</v>
      </c>
      <c r="B387" s="8">
        <v>0</v>
      </c>
    </row>
    <row r="388" spans="1:2" x14ac:dyDescent="0.25">
      <c r="A388" s="9">
        <v>41206</v>
      </c>
      <c r="B388" s="8">
        <v>0</v>
      </c>
    </row>
    <row r="389" spans="1:2" x14ac:dyDescent="0.25">
      <c r="A389" s="9">
        <v>41207</v>
      </c>
      <c r="B389" s="8">
        <v>0</v>
      </c>
    </row>
    <row r="390" spans="1:2" x14ac:dyDescent="0.25">
      <c r="A390" s="9">
        <v>41208</v>
      </c>
      <c r="B390" s="8">
        <v>0.4</v>
      </c>
    </row>
    <row r="391" spans="1:2" x14ac:dyDescent="0.25">
      <c r="A391" s="9">
        <v>41209</v>
      </c>
      <c r="B391" s="8">
        <v>0</v>
      </c>
    </row>
    <row r="392" spans="1:2" x14ac:dyDescent="0.25">
      <c r="A392" s="9">
        <v>41210</v>
      </c>
      <c r="B392" s="8">
        <v>0</v>
      </c>
    </row>
    <row r="393" spans="1:2" x14ac:dyDescent="0.25">
      <c r="A393" s="9">
        <v>41211</v>
      </c>
      <c r="B393" s="8">
        <v>113.5</v>
      </c>
    </row>
    <row r="394" spans="1:2" x14ac:dyDescent="0.25">
      <c r="A394" s="9">
        <v>41212</v>
      </c>
      <c r="B394" s="8">
        <v>0</v>
      </c>
    </row>
    <row r="395" spans="1:2" x14ac:dyDescent="0.25">
      <c r="A395" s="9">
        <v>41213</v>
      </c>
      <c r="B395" s="8">
        <v>0</v>
      </c>
    </row>
    <row r="396" spans="1:2" x14ac:dyDescent="0.25">
      <c r="A396" s="9">
        <v>41214</v>
      </c>
      <c r="B396" s="8">
        <v>0</v>
      </c>
    </row>
    <row r="397" spans="1:2" x14ac:dyDescent="0.25">
      <c r="A397" s="9">
        <v>41215</v>
      </c>
      <c r="B397" s="8">
        <v>53.1</v>
      </c>
    </row>
    <row r="398" spans="1:2" x14ac:dyDescent="0.25">
      <c r="A398" s="9">
        <v>41216</v>
      </c>
      <c r="B398" s="8">
        <v>0</v>
      </c>
    </row>
    <row r="399" spans="1:2" x14ac:dyDescent="0.25">
      <c r="A399" s="9">
        <v>41217</v>
      </c>
      <c r="B399" s="8">
        <v>0</v>
      </c>
    </row>
    <row r="400" spans="1:2" x14ac:dyDescent="0.25">
      <c r="A400" s="9">
        <v>41218</v>
      </c>
      <c r="B400" s="8">
        <v>14.1</v>
      </c>
    </row>
    <row r="401" spans="1:2" x14ac:dyDescent="0.25">
      <c r="A401" s="9">
        <v>41219</v>
      </c>
      <c r="B401" s="8">
        <v>10.8</v>
      </c>
    </row>
    <row r="402" spans="1:2" x14ac:dyDescent="0.25">
      <c r="A402" s="9">
        <v>41220</v>
      </c>
      <c r="B402" s="8">
        <v>6</v>
      </c>
    </row>
    <row r="403" spans="1:2" x14ac:dyDescent="0.25">
      <c r="A403" s="9">
        <v>41221</v>
      </c>
      <c r="B403" s="8">
        <v>0</v>
      </c>
    </row>
    <row r="404" spans="1:2" x14ac:dyDescent="0.25">
      <c r="A404" s="9">
        <v>41222</v>
      </c>
      <c r="B404" s="8">
        <v>0</v>
      </c>
    </row>
    <row r="405" spans="1:2" x14ac:dyDescent="0.25">
      <c r="A405" s="9">
        <v>41223</v>
      </c>
      <c r="B405" s="8">
        <v>0</v>
      </c>
    </row>
    <row r="406" spans="1:2" x14ac:dyDescent="0.25">
      <c r="A406" s="9">
        <v>41224</v>
      </c>
      <c r="B406" s="8">
        <v>0</v>
      </c>
    </row>
    <row r="407" spans="1:2" x14ac:dyDescent="0.25">
      <c r="A407" s="9">
        <v>41225</v>
      </c>
      <c r="B407" s="8">
        <v>4.5999999999999996</v>
      </c>
    </row>
    <row r="408" spans="1:2" x14ac:dyDescent="0.25">
      <c r="A408" s="9">
        <v>41226</v>
      </c>
      <c r="B408" s="8">
        <v>7.2</v>
      </c>
    </row>
    <row r="409" spans="1:2" x14ac:dyDescent="0.25">
      <c r="A409" s="9">
        <v>41227</v>
      </c>
      <c r="B409" s="8">
        <v>0.3</v>
      </c>
    </row>
    <row r="410" spans="1:2" x14ac:dyDescent="0.25">
      <c r="A410" s="9">
        <v>41228</v>
      </c>
      <c r="B410" s="8">
        <v>0</v>
      </c>
    </row>
    <row r="411" spans="1:2" x14ac:dyDescent="0.25">
      <c r="A411" s="9">
        <v>41229</v>
      </c>
      <c r="B411" s="8">
        <v>0</v>
      </c>
    </row>
    <row r="412" spans="1:2" x14ac:dyDescent="0.25">
      <c r="A412" s="9">
        <v>41230</v>
      </c>
      <c r="B412" s="8">
        <v>0</v>
      </c>
    </row>
    <row r="413" spans="1:2" x14ac:dyDescent="0.25">
      <c r="A413" s="9">
        <v>41231</v>
      </c>
      <c r="B413" s="8">
        <v>0</v>
      </c>
    </row>
    <row r="414" spans="1:2" x14ac:dyDescent="0.25">
      <c r="A414" s="9">
        <v>41232</v>
      </c>
      <c r="B414" s="8">
        <v>5.9</v>
      </c>
    </row>
    <row r="415" spans="1:2" x14ac:dyDescent="0.25">
      <c r="A415" s="9">
        <v>41233</v>
      </c>
      <c r="B415" s="8">
        <v>0</v>
      </c>
    </row>
    <row r="416" spans="1:2" x14ac:dyDescent="0.25">
      <c r="A416" s="9">
        <v>41234</v>
      </c>
      <c r="B416" s="8">
        <v>0</v>
      </c>
    </row>
    <row r="417" spans="1:2" x14ac:dyDescent="0.25">
      <c r="A417" s="9">
        <v>41235</v>
      </c>
      <c r="B417" s="8">
        <v>0</v>
      </c>
    </row>
    <row r="418" spans="1:2" x14ac:dyDescent="0.25">
      <c r="A418" s="9">
        <v>41236</v>
      </c>
      <c r="B418" s="8">
        <v>4.5</v>
      </c>
    </row>
    <row r="419" spans="1:2" x14ac:dyDescent="0.25">
      <c r="A419" s="9">
        <v>41237</v>
      </c>
      <c r="B419" s="8">
        <v>0</v>
      </c>
    </row>
    <row r="420" spans="1:2" x14ac:dyDescent="0.25">
      <c r="A420" s="9">
        <v>41238</v>
      </c>
      <c r="B420" s="8">
        <v>0</v>
      </c>
    </row>
    <row r="421" spans="1:2" x14ac:dyDescent="0.25">
      <c r="A421" s="9">
        <v>41239</v>
      </c>
      <c r="B421" s="8">
        <v>0.3</v>
      </c>
    </row>
    <row r="422" spans="1:2" x14ac:dyDescent="0.25">
      <c r="A422" s="9">
        <v>41240</v>
      </c>
      <c r="B422" s="8">
        <v>0</v>
      </c>
    </row>
    <row r="423" spans="1:2" x14ac:dyDescent="0.25">
      <c r="A423" s="9">
        <v>41241</v>
      </c>
      <c r="B423" s="8">
        <v>34</v>
      </c>
    </row>
    <row r="424" spans="1:2" x14ac:dyDescent="0.25">
      <c r="A424" s="9">
        <v>41242</v>
      </c>
      <c r="B424" s="8">
        <v>17.399999999999999</v>
      </c>
    </row>
    <row r="425" spans="1:2" x14ac:dyDescent="0.25">
      <c r="A425" s="9">
        <v>41243</v>
      </c>
      <c r="B425" s="8">
        <v>5.0999999999999996</v>
      </c>
    </row>
    <row r="426" spans="1:2" x14ac:dyDescent="0.25">
      <c r="A426" s="9">
        <v>41244</v>
      </c>
      <c r="B426" s="8">
        <v>0</v>
      </c>
    </row>
    <row r="427" spans="1:2" x14ac:dyDescent="0.25">
      <c r="A427" s="9">
        <v>41245</v>
      </c>
      <c r="B427" s="8">
        <v>0</v>
      </c>
    </row>
    <row r="428" spans="1:2" x14ac:dyDescent="0.25">
      <c r="A428" s="9">
        <v>41246</v>
      </c>
      <c r="B428" s="8">
        <v>11.2</v>
      </c>
    </row>
    <row r="429" spans="1:2" x14ac:dyDescent="0.25">
      <c r="A429" s="9">
        <v>41247</v>
      </c>
      <c r="B429" s="8">
        <v>0</v>
      </c>
    </row>
    <row r="430" spans="1:2" x14ac:dyDescent="0.25">
      <c r="A430" s="9">
        <v>41248</v>
      </c>
      <c r="B430" s="8">
        <v>18.8</v>
      </c>
    </row>
    <row r="431" spans="1:2" x14ac:dyDescent="0.25">
      <c r="A431" s="9">
        <v>41249</v>
      </c>
      <c r="B431" s="8">
        <v>0</v>
      </c>
    </row>
    <row r="432" spans="1:2" x14ac:dyDescent="0.25">
      <c r="A432" s="9">
        <v>41250</v>
      </c>
      <c r="B432" s="8">
        <v>0</v>
      </c>
    </row>
    <row r="433" spans="1:2" x14ac:dyDescent="0.25">
      <c r="A433" s="9">
        <v>41251</v>
      </c>
      <c r="B433" s="8">
        <v>0</v>
      </c>
    </row>
    <row r="434" spans="1:2" x14ac:dyDescent="0.25">
      <c r="A434" s="9">
        <v>41252</v>
      </c>
      <c r="B434" s="8">
        <v>0</v>
      </c>
    </row>
    <row r="435" spans="1:2" x14ac:dyDescent="0.25">
      <c r="A435" s="9">
        <v>41253</v>
      </c>
      <c r="B435" s="8">
        <v>18.8</v>
      </c>
    </row>
    <row r="436" spans="1:2" x14ac:dyDescent="0.25">
      <c r="A436" s="9">
        <v>41254</v>
      </c>
      <c r="B436" s="8">
        <v>0</v>
      </c>
    </row>
    <row r="437" spans="1:2" x14ac:dyDescent="0.25">
      <c r="A437" s="9">
        <v>41255</v>
      </c>
      <c r="B437" s="8">
        <v>0</v>
      </c>
    </row>
    <row r="438" spans="1:2" x14ac:dyDescent="0.25">
      <c r="A438" s="9">
        <v>41256</v>
      </c>
      <c r="B438" s="8">
        <v>0</v>
      </c>
    </row>
    <row r="439" spans="1:2" x14ac:dyDescent="0.25">
      <c r="A439" s="9">
        <v>41257</v>
      </c>
      <c r="B439" s="8">
        <v>0</v>
      </c>
    </row>
    <row r="440" spans="1:2" x14ac:dyDescent="0.25">
      <c r="A440" s="9">
        <v>41258</v>
      </c>
      <c r="B440" s="8">
        <v>0</v>
      </c>
    </row>
    <row r="441" spans="1:2" x14ac:dyDescent="0.25">
      <c r="A441" s="9">
        <v>41259</v>
      </c>
      <c r="B441" s="8">
        <v>0</v>
      </c>
    </row>
    <row r="442" spans="1:2" x14ac:dyDescent="0.25">
      <c r="A442" s="9">
        <v>41260</v>
      </c>
      <c r="B442" s="8">
        <v>20.3</v>
      </c>
    </row>
    <row r="443" spans="1:2" x14ac:dyDescent="0.25">
      <c r="A443" s="9">
        <v>41261</v>
      </c>
      <c r="B443" s="8">
        <v>0</v>
      </c>
    </row>
    <row r="444" spans="1:2" x14ac:dyDescent="0.25">
      <c r="A444" s="9">
        <v>41262</v>
      </c>
      <c r="B444" s="8">
        <v>0</v>
      </c>
    </row>
    <row r="445" spans="1:2" x14ac:dyDescent="0.25">
      <c r="A445" s="9">
        <v>41263</v>
      </c>
      <c r="B445" s="8">
        <v>0</v>
      </c>
    </row>
    <row r="446" spans="1:2" x14ac:dyDescent="0.25">
      <c r="A446" s="9">
        <v>41264</v>
      </c>
      <c r="B446" s="8">
        <v>0</v>
      </c>
    </row>
    <row r="447" spans="1:2" x14ac:dyDescent="0.25">
      <c r="A447" s="9">
        <v>41265</v>
      </c>
      <c r="B447" s="8">
        <v>0</v>
      </c>
    </row>
    <row r="448" spans="1:2" x14ac:dyDescent="0.25">
      <c r="A448" s="9">
        <v>41266</v>
      </c>
      <c r="B448" s="8">
        <v>0</v>
      </c>
    </row>
    <row r="449" spans="1:2" x14ac:dyDescent="0.25">
      <c r="A449" s="9">
        <v>41267</v>
      </c>
      <c r="B449" s="8">
        <v>0</v>
      </c>
    </row>
    <row r="450" spans="1:2" x14ac:dyDescent="0.25">
      <c r="A450" s="9">
        <v>41268</v>
      </c>
      <c r="B450" s="8">
        <v>0</v>
      </c>
    </row>
    <row r="451" spans="1:2" x14ac:dyDescent="0.25">
      <c r="A451" s="9">
        <v>41269</v>
      </c>
      <c r="B451" s="8">
        <v>0</v>
      </c>
    </row>
    <row r="452" spans="1:2" x14ac:dyDescent="0.25">
      <c r="A452" s="9">
        <v>41270</v>
      </c>
      <c r="B452" s="8">
        <v>20.2</v>
      </c>
    </row>
    <row r="453" spans="1:2" x14ac:dyDescent="0.25">
      <c r="A453" s="9">
        <v>41271</v>
      </c>
      <c r="B453" s="8">
        <v>1.4</v>
      </c>
    </row>
    <row r="454" spans="1:2" x14ac:dyDescent="0.25">
      <c r="A454" s="9">
        <v>41272</v>
      </c>
      <c r="B454" s="8">
        <v>0</v>
      </c>
    </row>
    <row r="455" spans="1:2" x14ac:dyDescent="0.25">
      <c r="A455" s="9">
        <v>41273</v>
      </c>
      <c r="B455" s="8">
        <v>0</v>
      </c>
    </row>
    <row r="456" spans="1:2" x14ac:dyDescent="0.25">
      <c r="A456" s="9">
        <v>41274</v>
      </c>
      <c r="B456" s="8">
        <v>0</v>
      </c>
    </row>
    <row r="457" spans="1:2" x14ac:dyDescent="0.25">
      <c r="A457" s="9">
        <v>41275</v>
      </c>
      <c r="B457" s="8">
        <v>0</v>
      </c>
    </row>
    <row r="458" spans="1:2" x14ac:dyDescent="0.25">
      <c r="A458" s="9">
        <v>41276</v>
      </c>
      <c r="B458" s="8">
        <v>0.3</v>
      </c>
    </row>
    <row r="459" spans="1:2" x14ac:dyDescent="0.25">
      <c r="A459" s="9">
        <v>41277</v>
      </c>
      <c r="B459" s="8">
        <v>4</v>
      </c>
    </row>
    <row r="460" spans="1:2" x14ac:dyDescent="0.25">
      <c r="A460" s="9">
        <v>41278</v>
      </c>
      <c r="B460" s="8">
        <v>0</v>
      </c>
    </row>
    <row r="461" spans="1:2" x14ac:dyDescent="0.25">
      <c r="A461" s="9">
        <v>41279</v>
      </c>
      <c r="B461" s="8">
        <v>0</v>
      </c>
    </row>
    <row r="462" spans="1:2" x14ac:dyDescent="0.25">
      <c r="A462" s="9">
        <v>41280</v>
      </c>
      <c r="B462" s="8">
        <v>0</v>
      </c>
    </row>
    <row r="463" spans="1:2" x14ac:dyDescent="0.25">
      <c r="A463" s="9">
        <v>41281</v>
      </c>
      <c r="B463" s="8">
        <v>0</v>
      </c>
    </row>
    <row r="464" spans="1:2" x14ac:dyDescent="0.25">
      <c r="A464" s="9">
        <v>41282</v>
      </c>
      <c r="B464" s="8">
        <v>0</v>
      </c>
    </row>
    <row r="465" spans="1:2" x14ac:dyDescent="0.25">
      <c r="A465" s="9">
        <v>41283</v>
      </c>
      <c r="B465" s="8">
        <v>0</v>
      </c>
    </row>
    <row r="466" spans="1:2" x14ac:dyDescent="0.25">
      <c r="A466" s="9">
        <v>41284</v>
      </c>
      <c r="B466" s="8">
        <v>0.5</v>
      </c>
    </row>
    <row r="467" spans="1:2" x14ac:dyDescent="0.25">
      <c r="A467" s="9">
        <v>41285</v>
      </c>
      <c r="B467" s="8">
        <v>0</v>
      </c>
    </row>
    <row r="468" spans="1:2" x14ac:dyDescent="0.25">
      <c r="A468" s="9">
        <v>41286</v>
      </c>
      <c r="B468" s="8">
        <v>0</v>
      </c>
    </row>
    <row r="469" spans="1:2" x14ac:dyDescent="0.25">
      <c r="A469" s="9">
        <v>41287</v>
      </c>
      <c r="B469" s="8">
        <v>0</v>
      </c>
    </row>
    <row r="470" spans="1:2" x14ac:dyDescent="0.25">
      <c r="A470" s="9">
        <v>41288</v>
      </c>
      <c r="B470" s="8">
        <v>25.8</v>
      </c>
    </row>
    <row r="471" spans="1:2" x14ac:dyDescent="0.25">
      <c r="A471" s="9">
        <v>41289</v>
      </c>
      <c r="B471" s="8">
        <v>5.2</v>
      </c>
    </row>
    <row r="472" spans="1:2" x14ac:dyDescent="0.25">
      <c r="A472" s="9">
        <v>41290</v>
      </c>
      <c r="B472" s="8">
        <v>4.9000000000000004</v>
      </c>
    </row>
    <row r="473" spans="1:2" x14ac:dyDescent="0.25">
      <c r="A473" s="9">
        <v>41291</v>
      </c>
      <c r="B473" s="8">
        <v>11.1</v>
      </c>
    </row>
    <row r="474" spans="1:2" x14ac:dyDescent="0.25">
      <c r="A474" s="9">
        <v>41292</v>
      </c>
      <c r="B474" s="8">
        <v>4.9000000000000004</v>
      </c>
    </row>
    <row r="475" spans="1:2" x14ac:dyDescent="0.25">
      <c r="A475" s="9">
        <v>41293</v>
      </c>
      <c r="B475" s="8">
        <v>0</v>
      </c>
    </row>
    <row r="476" spans="1:2" x14ac:dyDescent="0.25">
      <c r="A476" s="9">
        <v>41294</v>
      </c>
      <c r="B476" s="8">
        <v>0</v>
      </c>
    </row>
    <row r="477" spans="1:2" x14ac:dyDescent="0.25">
      <c r="A477" s="9">
        <v>41295</v>
      </c>
      <c r="B477" s="8">
        <v>18.2</v>
      </c>
    </row>
    <row r="478" spans="1:2" x14ac:dyDescent="0.25">
      <c r="A478" s="9">
        <v>41296</v>
      </c>
      <c r="B478" s="8">
        <v>9.6999999999999993</v>
      </c>
    </row>
    <row r="479" spans="1:2" x14ac:dyDescent="0.25">
      <c r="A479" s="9">
        <v>41297</v>
      </c>
      <c r="B479" s="8">
        <v>7.7</v>
      </c>
    </row>
    <row r="480" spans="1:2" x14ac:dyDescent="0.25">
      <c r="A480" s="9">
        <v>41298</v>
      </c>
      <c r="B480" s="8">
        <v>1</v>
      </c>
    </row>
    <row r="481" spans="1:2" x14ac:dyDescent="0.25">
      <c r="A481" s="9">
        <v>41299</v>
      </c>
      <c r="B481" s="8">
        <v>0</v>
      </c>
    </row>
    <row r="482" spans="1:2" x14ac:dyDescent="0.25">
      <c r="A482" s="9">
        <v>41300</v>
      </c>
      <c r="B482" s="8">
        <v>0</v>
      </c>
    </row>
    <row r="483" spans="1:2" x14ac:dyDescent="0.25">
      <c r="A483" s="9">
        <v>41301</v>
      </c>
      <c r="B483" s="8">
        <v>0</v>
      </c>
    </row>
    <row r="484" spans="1:2" x14ac:dyDescent="0.25">
      <c r="A484" s="9">
        <v>41302</v>
      </c>
      <c r="B484" s="8">
        <v>0</v>
      </c>
    </row>
    <row r="485" spans="1:2" x14ac:dyDescent="0.25">
      <c r="A485" s="9">
        <v>41303</v>
      </c>
      <c r="B485" s="8">
        <v>3.4</v>
      </c>
    </row>
    <row r="486" spans="1:2" x14ac:dyDescent="0.25">
      <c r="A486" s="9">
        <v>41304</v>
      </c>
      <c r="B486" s="8">
        <v>0</v>
      </c>
    </row>
    <row r="487" spans="1:2" x14ac:dyDescent="0.25">
      <c r="A487" s="9">
        <v>41305</v>
      </c>
      <c r="B487" s="8">
        <v>0</v>
      </c>
    </row>
    <row r="488" spans="1:2" x14ac:dyDescent="0.25">
      <c r="A488" s="9">
        <v>41306</v>
      </c>
      <c r="B488" s="8">
        <v>0</v>
      </c>
    </row>
    <row r="489" spans="1:2" x14ac:dyDescent="0.25">
      <c r="A489" s="9">
        <v>41307</v>
      </c>
      <c r="B489" s="8">
        <v>0</v>
      </c>
    </row>
    <row r="490" spans="1:2" x14ac:dyDescent="0.25">
      <c r="A490" s="9">
        <v>41308</v>
      </c>
      <c r="B490" s="8">
        <v>0</v>
      </c>
    </row>
    <row r="491" spans="1:2" x14ac:dyDescent="0.25">
      <c r="A491" s="9">
        <v>41309</v>
      </c>
      <c r="B491" s="8">
        <v>63.3</v>
      </c>
    </row>
    <row r="492" spans="1:2" x14ac:dyDescent="0.25">
      <c r="A492" s="9">
        <v>41310</v>
      </c>
      <c r="B492" s="8">
        <v>0</v>
      </c>
    </row>
    <row r="493" spans="1:2" x14ac:dyDescent="0.25">
      <c r="A493" s="9">
        <v>41311</v>
      </c>
      <c r="B493" s="8">
        <v>5.6</v>
      </c>
    </row>
    <row r="494" spans="1:2" x14ac:dyDescent="0.25">
      <c r="A494" s="9">
        <v>41312</v>
      </c>
      <c r="B494" s="8">
        <v>25.2</v>
      </c>
    </row>
    <row r="495" spans="1:2" x14ac:dyDescent="0.25">
      <c r="A495" s="9">
        <v>41313</v>
      </c>
      <c r="B495" s="8">
        <v>0</v>
      </c>
    </row>
    <row r="496" spans="1:2" x14ac:dyDescent="0.25">
      <c r="A496" s="9">
        <v>41314</v>
      </c>
      <c r="B496" s="8">
        <v>0</v>
      </c>
    </row>
    <row r="497" spans="1:2" x14ac:dyDescent="0.25">
      <c r="A497" s="9">
        <v>41315</v>
      </c>
      <c r="B497" s="8">
        <v>0</v>
      </c>
    </row>
    <row r="498" spans="1:2" x14ac:dyDescent="0.25">
      <c r="A498" s="9">
        <v>41316</v>
      </c>
      <c r="B498" s="8">
        <v>3</v>
      </c>
    </row>
    <row r="499" spans="1:2" x14ac:dyDescent="0.25">
      <c r="A499" s="9">
        <v>41317</v>
      </c>
      <c r="B499" s="8">
        <v>20.6</v>
      </c>
    </row>
    <row r="500" spans="1:2" x14ac:dyDescent="0.25">
      <c r="A500" s="9">
        <v>41318</v>
      </c>
      <c r="B500" s="8">
        <v>0.9</v>
      </c>
    </row>
    <row r="501" spans="1:2" x14ac:dyDescent="0.25">
      <c r="A501" s="9">
        <v>41319</v>
      </c>
      <c r="B501" s="8">
        <v>4.5999999999999996</v>
      </c>
    </row>
    <row r="502" spans="1:2" x14ac:dyDescent="0.25">
      <c r="A502" s="9">
        <v>41320</v>
      </c>
      <c r="B502" s="8">
        <v>0</v>
      </c>
    </row>
    <row r="503" spans="1:2" x14ac:dyDescent="0.25">
      <c r="A503" s="9">
        <v>41321</v>
      </c>
      <c r="B503" s="8">
        <v>0</v>
      </c>
    </row>
    <row r="504" spans="1:2" x14ac:dyDescent="0.25">
      <c r="A504" s="9">
        <v>41322</v>
      </c>
      <c r="B504" s="8">
        <v>0</v>
      </c>
    </row>
    <row r="505" spans="1:2" x14ac:dyDescent="0.25">
      <c r="A505" s="9">
        <v>41323</v>
      </c>
      <c r="B505" s="8">
        <v>0.2</v>
      </c>
    </row>
    <row r="506" spans="1:2" x14ac:dyDescent="0.25">
      <c r="A506" s="9">
        <v>41324</v>
      </c>
      <c r="B506" s="8">
        <v>0</v>
      </c>
    </row>
    <row r="507" spans="1:2" x14ac:dyDescent="0.25">
      <c r="A507" s="9">
        <v>41325</v>
      </c>
      <c r="B507" s="8">
        <v>0</v>
      </c>
    </row>
    <row r="508" spans="1:2" x14ac:dyDescent="0.25">
      <c r="A508" s="9">
        <v>41326</v>
      </c>
      <c r="B508" s="8">
        <v>0.9</v>
      </c>
    </row>
    <row r="509" spans="1:2" x14ac:dyDescent="0.25">
      <c r="A509" s="9">
        <v>41327</v>
      </c>
      <c r="B509" s="8">
        <v>10.7</v>
      </c>
    </row>
    <row r="510" spans="1:2" x14ac:dyDescent="0.25">
      <c r="A510" s="9">
        <v>41328</v>
      </c>
      <c r="B510" s="8">
        <v>0</v>
      </c>
    </row>
    <row r="511" spans="1:2" x14ac:dyDescent="0.25">
      <c r="A511" s="9">
        <v>41329</v>
      </c>
      <c r="B511" s="8">
        <v>0</v>
      </c>
    </row>
    <row r="512" spans="1:2" x14ac:dyDescent="0.25">
      <c r="A512" s="9">
        <v>41330</v>
      </c>
      <c r="B512" s="8">
        <v>57.4</v>
      </c>
    </row>
    <row r="513" spans="1:2" x14ac:dyDescent="0.25">
      <c r="A513" s="9">
        <v>41331</v>
      </c>
      <c r="B513" s="8">
        <v>0.1</v>
      </c>
    </row>
    <row r="514" spans="1:2" x14ac:dyDescent="0.25">
      <c r="A514" s="9">
        <v>41332</v>
      </c>
      <c r="B514" s="8">
        <v>4.4000000000000004</v>
      </c>
    </row>
    <row r="515" spans="1:2" x14ac:dyDescent="0.25">
      <c r="A515" s="9">
        <v>41333</v>
      </c>
      <c r="B515" s="8">
        <v>0.8</v>
      </c>
    </row>
    <row r="516" spans="1:2" x14ac:dyDescent="0.25">
      <c r="A516" s="9">
        <v>41334</v>
      </c>
      <c r="B516" s="8">
        <v>0</v>
      </c>
    </row>
    <row r="517" spans="1:2" x14ac:dyDescent="0.25">
      <c r="A517" s="9">
        <v>41335</v>
      </c>
      <c r="B517" s="8">
        <v>0</v>
      </c>
    </row>
    <row r="518" spans="1:2" x14ac:dyDescent="0.25">
      <c r="A518" s="9">
        <v>41336</v>
      </c>
      <c r="B518" s="8">
        <v>0</v>
      </c>
    </row>
    <row r="519" spans="1:2" x14ac:dyDescent="0.25">
      <c r="A519" s="9">
        <v>41337</v>
      </c>
      <c r="B519" s="8">
        <v>0</v>
      </c>
    </row>
    <row r="520" spans="1:2" x14ac:dyDescent="0.25">
      <c r="A520" s="9">
        <v>41338</v>
      </c>
      <c r="B520" s="8">
        <v>0</v>
      </c>
    </row>
    <row r="521" spans="1:2" x14ac:dyDescent="0.25">
      <c r="A521" s="9">
        <v>41339</v>
      </c>
      <c r="B521" s="8">
        <v>0.6</v>
      </c>
    </row>
    <row r="522" spans="1:2" x14ac:dyDescent="0.25">
      <c r="A522" s="9">
        <v>41340</v>
      </c>
      <c r="B522" s="8">
        <v>11.8</v>
      </c>
    </row>
    <row r="523" spans="1:2" x14ac:dyDescent="0.25">
      <c r="A523" s="9">
        <v>41341</v>
      </c>
      <c r="B523" s="8">
        <v>3.3</v>
      </c>
    </row>
    <row r="524" spans="1:2" x14ac:dyDescent="0.25">
      <c r="A524" s="9">
        <v>41342</v>
      </c>
      <c r="B524" s="8">
        <v>0</v>
      </c>
    </row>
    <row r="525" spans="1:2" x14ac:dyDescent="0.25">
      <c r="A525" s="9">
        <v>41343</v>
      </c>
      <c r="B525" s="8">
        <v>0</v>
      </c>
    </row>
    <row r="526" spans="1:2" x14ac:dyDescent="0.25">
      <c r="A526" s="9">
        <v>41344</v>
      </c>
      <c r="B526" s="8">
        <v>20.3</v>
      </c>
    </row>
    <row r="527" spans="1:2" x14ac:dyDescent="0.25">
      <c r="A527" s="9">
        <v>41345</v>
      </c>
      <c r="B527" s="8">
        <v>0</v>
      </c>
    </row>
    <row r="528" spans="1:2" x14ac:dyDescent="0.25">
      <c r="A528" s="9">
        <v>41346</v>
      </c>
      <c r="B528" s="8">
        <v>2.5</v>
      </c>
    </row>
    <row r="529" spans="1:2" x14ac:dyDescent="0.25">
      <c r="A529" s="9">
        <v>41347</v>
      </c>
      <c r="B529" s="8">
        <v>15.9</v>
      </c>
    </row>
    <row r="530" spans="1:2" x14ac:dyDescent="0.25">
      <c r="A530" s="9">
        <v>41348</v>
      </c>
      <c r="B530" s="8">
        <v>9.1</v>
      </c>
    </row>
    <row r="531" spans="1:2" x14ac:dyDescent="0.25">
      <c r="A531" s="9">
        <v>41349</v>
      </c>
      <c r="B531" s="8">
        <v>0</v>
      </c>
    </row>
    <row r="532" spans="1:2" x14ac:dyDescent="0.25">
      <c r="A532" s="9">
        <v>41350</v>
      </c>
      <c r="B532" s="8">
        <v>0</v>
      </c>
    </row>
    <row r="533" spans="1:2" x14ac:dyDescent="0.25">
      <c r="A533" s="9">
        <v>41351</v>
      </c>
      <c r="B533" s="8">
        <v>3.9</v>
      </c>
    </row>
    <row r="534" spans="1:2" x14ac:dyDescent="0.25">
      <c r="A534" s="9">
        <v>41352</v>
      </c>
      <c r="B534" s="8">
        <v>49.5</v>
      </c>
    </row>
    <row r="535" spans="1:2" x14ac:dyDescent="0.25">
      <c r="A535" s="9">
        <v>41353</v>
      </c>
      <c r="B535" s="8">
        <v>0</v>
      </c>
    </row>
    <row r="536" spans="1:2" x14ac:dyDescent="0.25">
      <c r="A536" s="9">
        <v>41354</v>
      </c>
      <c r="B536" s="8">
        <v>2.5</v>
      </c>
    </row>
    <row r="537" spans="1:2" x14ac:dyDescent="0.25">
      <c r="A537" s="9">
        <v>41355</v>
      </c>
      <c r="B537" s="8">
        <v>0</v>
      </c>
    </row>
    <row r="538" spans="1:2" x14ac:dyDescent="0.25">
      <c r="A538" s="9">
        <v>41356</v>
      </c>
      <c r="B538" s="8">
        <v>0</v>
      </c>
    </row>
    <row r="539" spans="1:2" x14ac:dyDescent="0.25">
      <c r="A539" s="9">
        <v>41357</v>
      </c>
      <c r="B539" s="8">
        <v>0</v>
      </c>
    </row>
    <row r="540" spans="1:2" x14ac:dyDescent="0.25">
      <c r="A540" s="9">
        <v>41358</v>
      </c>
      <c r="B540" s="8">
        <v>9.1999999999999993</v>
      </c>
    </row>
    <row r="541" spans="1:2" x14ac:dyDescent="0.25">
      <c r="A541" s="9">
        <v>41359</v>
      </c>
      <c r="B541" s="8">
        <v>10</v>
      </c>
    </row>
    <row r="542" spans="1:2" x14ac:dyDescent="0.25">
      <c r="A542" s="9">
        <v>41360</v>
      </c>
      <c r="B542" s="8">
        <v>1.8</v>
      </c>
    </row>
    <row r="543" spans="1:2" x14ac:dyDescent="0.25">
      <c r="A543" s="9">
        <v>41361</v>
      </c>
      <c r="B543" s="8">
        <v>0</v>
      </c>
    </row>
    <row r="544" spans="1:2" x14ac:dyDescent="0.25">
      <c r="A544" s="9">
        <v>41362</v>
      </c>
      <c r="B544" s="8">
        <v>15.8</v>
      </c>
    </row>
    <row r="545" spans="1:2" x14ac:dyDescent="0.25">
      <c r="A545" s="9">
        <v>41363</v>
      </c>
      <c r="B545" s="8">
        <v>0</v>
      </c>
    </row>
    <row r="546" spans="1:2" x14ac:dyDescent="0.25">
      <c r="A546" s="9">
        <v>41364</v>
      </c>
      <c r="B546" s="8">
        <v>0</v>
      </c>
    </row>
    <row r="547" spans="1:2" x14ac:dyDescent="0.25">
      <c r="A547" s="9">
        <v>41365</v>
      </c>
      <c r="B547" s="8">
        <v>0</v>
      </c>
    </row>
    <row r="548" spans="1:2" x14ac:dyDescent="0.25">
      <c r="A548" s="9">
        <v>41366</v>
      </c>
      <c r="B548" s="8">
        <v>61.4</v>
      </c>
    </row>
    <row r="549" spans="1:2" x14ac:dyDescent="0.25">
      <c r="A549" s="9">
        <v>41367</v>
      </c>
      <c r="B549" s="8">
        <v>9.6</v>
      </c>
    </row>
    <row r="550" spans="1:2" x14ac:dyDescent="0.25">
      <c r="A550" s="9">
        <v>41368</v>
      </c>
      <c r="B550" s="8">
        <v>0.6</v>
      </c>
    </row>
    <row r="551" spans="1:2" x14ac:dyDescent="0.25">
      <c r="A551" s="9">
        <v>41369</v>
      </c>
      <c r="B551" s="8">
        <v>1.7</v>
      </c>
    </row>
    <row r="552" spans="1:2" x14ac:dyDescent="0.25">
      <c r="A552" s="9">
        <v>41370</v>
      </c>
      <c r="B552" s="8">
        <v>0</v>
      </c>
    </row>
    <row r="553" spans="1:2" x14ac:dyDescent="0.25">
      <c r="A553" s="9">
        <v>41371</v>
      </c>
      <c r="B553" s="8">
        <v>0</v>
      </c>
    </row>
    <row r="554" spans="1:2" x14ac:dyDescent="0.25">
      <c r="A554" s="9">
        <v>41372</v>
      </c>
      <c r="B554" s="8">
        <v>11.7</v>
      </c>
    </row>
    <row r="555" spans="1:2" x14ac:dyDescent="0.25">
      <c r="A555" s="9">
        <v>41373</v>
      </c>
      <c r="B555" s="8">
        <v>0.4</v>
      </c>
    </row>
    <row r="556" spans="1:2" x14ac:dyDescent="0.25">
      <c r="A556" s="9">
        <v>41374</v>
      </c>
      <c r="B556" s="8">
        <v>0.8</v>
      </c>
    </row>
    <row r="557" spans="1:2" x14ac:dyDescent="0.25">
      <c r="A557" s="9">
        <v>41375</v>
      </c>
      <c r="B557" s="8">
        <v>0</v>
      </c>
    </row>
    <row r="558" spans="1:2" x14ac:dyDescent="0.25">
      <c r="A558" s="9">
        <v>41376</v>
      </c>
      <c r="B558" s="8">
        <v>0</v>
      </c>
    </row>
    <row r="559" spans="1:2" x14ac:dyDescent="0.25">
      <c r="A559" s="9">
        <v>41377</v>
      </c>
      <c r="B559" s="8">
        <v>0</v>
      </c>
    </row>
    <row r="560" spans="1:2" x14ac:dyDescent="0.25">
      <c r="A560" s="9">
        <v>41378</v>
      </c>
      <c r="B560" s="8">
        <v>0</v>
      </c>
    </row>
    <row r="561" spans="1:2" x14ac:dyDescent="0.25">
      <c r="A561" s="9">
        <v>41379</v>
      </c>
      <c r="B561" s="8">
        <v>16.100000000000001</v>
      </c>
    </row>
    <row r="562" spans="1:2" x14ac:dyDescent="0.25">
      <c r="A562" s="9">
        <v>41380</v>
      </c>
      <c r="B562" s="8">
        <v>0</v>
      </c>
    </row>
    <row r="563" spans="1:2" x14ac:dyDescent="0.25">
      <c r="A563" s="9">
        <v>41381</v>
      </c>
      <c r="B563" s="8">
        <v>0</v>
      </c>
    </row>
    <row r="564" spans="1:2" x14ac:dyDescent="0.25">
      <c r="A564" s="9">
        <v>41382</v>
      </c>
      <c r="B564" s="8">
        <v>0</v>
      </c>
    </row>
    <row r="565" spans="1:2" x14ac:dyDescent="0.25">
      <c r="A565" s="9">
        <v>41383</v>
      </c>
      <c r="B565" s="8">
        <v>0</v>
      </c>
    </row>
    <row r="566" spans="1:2" x14ac:dyDescent="0.25">
      <c r="A566" s="9">
        <v>41384</v>
      </c>
      <c r="B566" s="8">
        <v>0</v>
      </c>
    </row>
    <row r="567" spans="1:2" x14ac:dyDescent="0.25">
      <c r="A567" s="9">
        <v>41385</v>
      </c>
      <c r="B567" s="8">
        <v>0</v>
      </c>
    </row>
    <row r="568" spans="1:2" x14ac:dyDescent="0.25">
      <c r="A568" s="9">
        <v>41386</v>
      </c>
      <c r="B568" s="8">
        <v>7</v>
      </c>
    </row>
    <row r="569" spans="1:2" x14ac:dyDescent="0.25">
      <c r="A569" s="9">
        <v>41387</v>
      </c>
      <c r="B569" s="8">
        <v>3.3</v>
      </c>
    </row>
    <row r="570" spans="1:2" x14ac:dyDescent="0.25">
      <c r="A570" s="9">
        <v>41388</v>
      </c>
      <c r="B570" s="8">
        <v>0</v>
      </c>
    </row>
    <row r="571" spans="1:2" x14ac:dyDescent="0.25">
      <c r="A571" s="9">
        <v>41389</v>
      </c>
      <c r="B571" s="8">
        <v>0</v>
      </c>
    </row>
    <row r="572" spans="1:2" x14ac:dyDescent="0.25">
      <c r="A572" s="9">
        <v>41390</v>
      </c>
      <c r="B572" s="8">
        <v>0</v>
      </c>
    </row>
    <row r="573" spans="1:2" x14ac:dyDescent="0.25">
      <c r="A573" s="9">
        <v>41391</v>
      </c>
      <c r="B573" s="8">
        <v>0</v>
      </c>
    </row>
    <row r="574" spans="1:2" x14ac:dyDescent="0.25">
      <c r="A574" s="9">
        <v>41392</v>
      </c>
      <c r="B574" s="8">
        <v>0</v>
      </c>
    </row>
    <row r="575" spans="1:2" x14ac:dyDescent="0.25">
      <c r="A575" s="9">
        <v>41393</v>
      </c>
      <c r="B575" s="8">
        <v>0</v>
      </c>
    </row>
    <row r="576" spans="1:2" x14ac:dyDescent="0.25">
      <c r="A576" s="9">
        <v>41394</v>
      </c>
      <c r="B576" s="8">
        <v>0</v>
      </c>
    </row>
    <row r="577" spans="1:2" x14ac:dyDescent="0.25">
      <c r="A577" s="9">
        <v>41395</v>
      </c>
      <c r="B577" s="8">
        <v>0</v>
      </c>
    </row>
    <row r="578" spans="1:2" x14ac:dyDescent="0.25">
      <c r="A578" s="9">
        <v>41396</v>
      </c>
      <c r="B578" s="8">
        <v>0</v>
      </c>
    </row>
    <row r="579" spans="1:2" x14ac:dyDescent="0.25">
      <c r="A579" s="9">
        <v>41397</v>
      </c>
      <c r="B579" s="8">
        <v>0</v>
      </c>
    </row>
    <row r="580" spans="1:2" x14ac:dyDescent="0.25">
      <c r="A580" s="9">
        <v>41398</v>
      </c>
      <c r="B580" s="8">
        <v>0</v>
      </c>
    </row>
    <row r="581" spans="1:2" x14ac:dyDescent="0.25">
      <c r="A581" s="9">
        <v>41399</v>
      </c>
      <c r="B581" s="8">
        <v>0</v>
      </c>
    </row>
    <row r="582" spans="1:2" x14ac:dyDescent="0.25">
      <c r="A582" s="9">
        <v>41400</v>
      </c>
      <c r="B582" s="8">
        <v>25</v>
      </c>
    </row>
    <row r="583" spans="1:2" x14ac:dyDescent="0.25">
      <c r="A583" s="9">
        <v>41401</v>
      </c>
      <c r="B583" s="8">
        <v>17.5</v>
      </c>
    </row>
    <row r="584" spans="1:2" x14ac:dyDescent="0.25">
      <c r="A584" s="9">
        <v>41402</v>
      </c>
      <c r="B584" s="8">
        <v>0.6</v>
      </c>
    </row>
    <row r="585" spans="1:2" x14ac:dyDescent="0.25">
      <c r="A585" s="9">
        <v>41403</v>
      </c>
      <c r="B585" s="8">
        <v>0</v>
      </c>
    </row>
    <row r="586" spans="1:2" x14ac:dyDescent="0.25">
      <c r="A586" s="9">
        <v>41404</v>
      </c>
      <c r="B586" s="8">
        <v>0</v>
      </c>
    </row>
    <row r="587" spans="1:2" x14ac:dyDescent="0.25">
      <c r="A587" s="9">
        <v>41405</v>
      </c>
      <c r="B587" s="8">
        <v>0</v>
      </c>
    </row>
    <row r="588" spans="1:2" x14ac:dyDescent="0.25">
      <c r="A588" s="9">
        <v>41406</v>
      </c>
      <c r="B588" s="8">
        <v>0</v>
      </c>
    </row>
    <row r="589" spans="1:2" x14ac:dyDescent="0.25">
      <c r="A589" s="9">
        <v>41407</v>
      </c>
      <c r="B589" s="8">
        <v>69.8</v>
      </c>
    </row>
    <row r="590" spans="1:2" x14ac:dyDescent="0.25">
      <c r="A590" s="9">
        <v>41408</v>
      </c>
      <c r="B590" s="8">
        <v>0</v>
      </c>
    </row>
    <row r="591" spans="1:2" x14ac:dyDescent="0.25">
      <c r="A591" s="9">
        <v>41409</v>
      </c>
      <c r="B591" s="8">
        <v>0</v>
      </c>
    </row>
    <row r="592" spans="1:2" x14ac:dyDescent="0.25">
      <c r="A592" s="9">
        <v>41410</v>
      </c>
      <c r="B592" s="8">
        <v>0</v>
      </c>
    </row>
    <row r="593" spans="1:2" x14ac:dyDescent="0.25">
      <c r="A593" s="9">
        <v>41411</v>
      </c>
      <c r="B593" s="8">
        <v>8.8000000000000007</v>
      </c>
    </row>
    <row r="594" spans="1:2" x14ac:dyDescent="0.25">
      <c r="A594" s="9">
        <v>41412</v>
      </c>
      <c r="B594" s="8">
        <v>0</v>
      </c>
    </row>
    <row r="595" spans="1:2" x14ac:dyDescent="0.25">
      <c r="A595" s="9">
        <v>41413</v>
      </c>
      <c r="B595" s="8">
        <v>0</v>
      </c>
    </row>
    <row r="596" spans="1:2" x14ac:dyDescent="0.25">
      <c r="A596" s="9">
        <v>41414</v>
      </c>
      <c r="B596" s="8">
        <v>15.2</v>
      </c>
    </row>
    <row r="597" spans="1:2" x14ac:dyDescent="0.25">
      <c r="A597" s="9">
        <v>41415</v>
      </c>
      <c r="B597" s="8">
        <v>8.6999999999999993</v>
      </c>
    </row>
    <row r="598" spans="1:2" x14ac:dyDescent="0.25">
      <c r="A598" s="9">
        <v>41416</v>
      </c>
      <c r="B598" s="8">
        <v>0</v>
      </c>
    </row>
    <row r="599" spans="1:2" x14ac:dyDescent="0.25">
      <c r="A599" s="9">
        <v>41417</v>
      </c>
      <c r="B599" s="8">
        <v>2.5</v>
      </c>
    </row>
    <row r="600" spans="1:2" x14ac:dyDescent="0.25">
      <c r="A600" s="9">
        <v>41418</v>
      </c>
      <c r="B600" s="8">
        <v>7.9</v>
      </c>
    </row>
    <row r="601" spans="1:2" x14ac:dyDescent="0.25">
      <c r="A601" s="9">
        <v>41419</v>
      </c>
      <c r="B601" s="8">
        <v>0</v>
      </c>
    </row>
    <row r="602" spans="1:2" x14ac:dyDescent="0.25">
      <c r="A602" s="9">
        <v>41420</v>
      </c>
      <c r="B602" s="8">
        <v>0</v>
      </c>
    </row>
    <row r="603" spans="1:2" x14ac:dyDescent="0.25">
      <c r="A603" s="9">
        <v>41421</v>
      </c>
      <c r="B603" s="8">
        <v>30.8</v>
      </c>
    </row>
    <row r="604" spans="1:2" x14ac:dyDescent="0.25">
      <c r="A604" s="9">
        <v>41422</v>
      </c>
      <c r="B604" s="8">
        <v>0</v>
      </c>
    </row>
    <row r="605" spans="1:2" x14ac:dyDescent="0.25">
      <c r="A605" s="9">
        <v>41423</v>
      </c>
      <c r="B605" s="8">
        <v>0</v>
      </c>
    </row>
    <row r="606" spans="1:2" x14ac:dyDescent="0.25">
      <c r="A606" s="9">
        <v>41424</v>
      </c>
      <c r="B606" s="8">
        <v>3.3</v>
      </c>
    </row>
    <row r="607" spans="1:2" x14ac:dyDescent="0.25">
      <c r="A607" s="9">
        <v>41425</v>
      </c>
      <c r="B607" s="8">
        <v>20</v>
      </c>
    </row>
    <row r="608" spans="1:2" x14ac:dyDescent="0.25">
      <c r="A608" s="9">
        <v>41426</v>
      </c>
      <c r="B608" s="8">
        <v>0</v>
      </c>
    </row>
    <row r="609" spans="1:2" x14ac:dyDescent="0.25">
      <c r="A609" s="9">
        <v>41427</v>
      </c>
      <c r="B609" s="8">
        <v>0</v>
      </c>
    </row>
    <row r="610" spans="1:2" x14ac:dyDescent="0.25">
      <c r="A610" s="9">
        <v>41428</v>
      </c>
      <c r="B610" s="8">
        <v>10.1</v>
      </c>
    </row>
    <row r="611" spans="1:2" x14ac:dyDescent="0.25">
      <c r="A611" s="9">
        <v>41429</v>
      </c>
      <c r="B611" s="8">
        <v>0</v>
      </c>
    </row>
    <row r="612" spans="1:2" x14ac:dyDescent="0.25">
      <c r="A612" s="9">
        <v>41430</v>
      </c>
      <c r="B612" s="8">
        <v>0</v>
      </c>
    </row>
    <row r="613" spans="1:2" x14ac:dyDescent="0.25">
      <c r="A613" s="9">
        <v>41431</v>
      </c>
      <c r="B613" s="8">
        <v>0.3</v>
      </c>
    </row>
    <row r="614" spans="1:2" x14ac:dyDescent="0.25">
      <c r="A614" s="9">
        <v>41432</v>
      </c>
      <c r="B614" s="8">
        <v>1.5</v>
      </c>
    </row>
    <row r="615" spans="1:2" x14ac:dyDescent="0.25">
      <c r="A615" s="9">
        <v>41433</v>
      </c>
      <c r="B615" s="8">
        <v>0</v>
      </c>
    </row>
    <row r="616" spans="1:2" x14ac:dyDescent="0.25">
      <c r="A616" s="9">
        <v>41434</v>
      </c>
      <c r="B616" s="8">
        <v>0</v>
      </c>
    </row>
    <row r="617" spans="1:2" x14ac:dyDescent="0.25">
      <c r="A617" s="9">
        <v>41435</v>
      </c>
      <c r="B617" s="8">
        <v>47.5</v>
      </c>
    </row>
    <row r="618" spans="1:2" x14ac:dyDescent="0.25">
      <c r="A618" s="9">
        <v>41436</v>
      </c>
      <c r="B618" s="8">
        <v>0</v>
      </c>
    </row>
    <row r="619" spans="1:2" x14ac:dyDescent="0.25">
      <c r="A619" s="9">
        <v>41437</v>
      </c>
      <c r="B619" s="8">
        <v>0.2</v>
      </c>
    </row>
    <row r="620" spans="1:2" x14ac:dyDescent="0.25">
      <c r="A620" s="9">
        <v>41438</v>
      </c>
      <c r="B620" s="8">
        <v>0</v>
      </c>
    </row>
    <row r="621" spans="1:2" x14ac:dyDescent="0.25">
      <c r="A621" s="9">
        <v>41439</v>
      </c>
      <c r="B621" s="8">
        <v>0</v>
      </c>
    </row>
    <row r="622" spans="1:2" x14ac:dyDescent="0.25">
      <c r="A622" s="9">
        <v>41440</v>
      </c>
      <c r="B622" s="8">
        <v>0</v>
      </c>
    </row>
    <row r="623" spans="1:2" x14ac:dyDescent="0.25">
      <c r="A623" s="9">
        <v>41441</v>
      </c>
      <c r="B623" s="8">
        <v>0</v>
      </c>
    </row>
    <row r="624" spans="1:2" x14ac:dyDescent="0.25">
      <c r="A624" s="9">
        <v>41442</v>
      </c>
      <c r="B624" s="8">
        <v>0</v>
      </c>
    </row>
    <row r="625" spans="1:2" x14ac:dyDescent="0.25">
      <c r="A625" s="9">
        <v>41443</v>
      </c>
      <c r="B625" s="8">
        <v>0</v>
      </c>
    </row>
    <row r="626" spans="1:2" x14ac:dyDescent="0.25">
      <c r="A626" s="9">
        <v>41444</v>
      </c>
      <c r="B626" s="8">
        <v>0</v>
      </c>
    </row>
    <row r="627" spans="1:2" x14ac:dyDescent="0.25">
      <c r="A627" s="9">
        <v>41445</v>
      </c>
      <c r="B627" s="8">
        <v>0</v>
      </c>
    </row>
    <row r="628" spans="1:2" x14ac:dyDescent="0.25">
      <c r="A628" s="9">
        <v>41446</v>
      </c>
      <c r="B628" s="8">
        <v>0</v>
      </c>
    </row>
    <row r="629" spans="1:2" x14ac:dyDescent="0.25">
      <c r="A629" s="9">
        <v>41447</v>
      </c>
      <c r="B629" s="8">
        <v>0</v>
      </c>
    </row>
    <row r="630" spans="1:2" x14ac:dyDescent="0.25">
      <c r="A630" s="9">
        <v>41448</v>
      </c>
      <c r="B630" s="8">
        <v>0</v>
      </c>
    </row>
    <row r="631" spans="1:2" x14ac:dyDescent="0.25">
      <c r="A631" s="9">
        <v>41449</v>
      </c>
      <c r="B631" s="8">
        <v>5</v>
      </c>
    </row>
    <row r="632" spans="1:2" x14ac:dyDescent="0.25">
      <c r="A632" s="9">
        <v>41450</v>
      </c>
      <c r="B632" s="8">
        <v>0</v>
      </c>
    </row>
    <row r="633" spans="1:2" x14ac:dyDescent="0.25">
      <c r="A633" s="9">
        <v>41451</v>
      </c>
      <c r="B633" s="8">
        <v>34.700000000000003</v>
      </c>
    </row>
    <row r="634" spans="1:2" x14ac:dyDescent="0.25">
      <c r="A634" s="9">
        <v>41452</v>
      </c>
      <c r="B634" s="8">
        <v>6.8</v>
      </c>
    </row>
    <row r="635" spans="1:2" x14ac:dyDescent="0.25">
      <c r="A635" s="9">
        <v>41453</v>
      </c>
      <c r="B635" s="8">
        <v>0</v>
      </c>
    </row>
    <row r="636" spans="1:2" x14ac:dyDescent="0.25">
      <c r="A636" s="9">
        <v>41454</v>
      </c>
      <c r="B636" s="8">
        <v>0</v>
      </c>
    </row>
    <row r="637" spans="1:2" x14ac:dyDescent="0.25">
      <c r="A637" s="9">
        <v>41455</v>
      </c>
      <c r="B637" s="8">
        <v>0</v>
      </c>
    </row>
    <row r="638" spans="1:2" x14ac:dyDescent="0.25">
      <c r="A638" s="9">
        <v>41456</v>
      </c>
      <c r="B638" s="8">
        <v>0.7</v>
      </c>
    </row>
    <row r="639" spans="1:2" x14ac:dyDescent="0.25">
      <c r="A639" s="9">
        <v>41457</v>
      </c>
      <c r="B639" s="8">
        <v>0</v>
      </c>
    </row>
    <row r="640" spans="1:2" x14ac:dyDescent="0.25">
      <c r="A640" s="9">
        <v>41458</v>
      </c>
      <c r="B640" s="8">
        <v>0</v>
      </c>
    </row>
    <row r="641" spans="1:2" x14ac:dyDescent="0.25">
      <c r="A641" s="9">
        <v>41459</v>
      </c>
      <c r="B641" s="8">
        <v>0</v>
      </c>
    </row>
    <row r="642" spans="1:2" x14ac:dyDescent="0.25">
      <c r="A642" s="9">
        <v>41460</v>
      </c>
      <c r="B642" s="8">
        <v>0</v>
      </c>
    </row>
    <row r="643" spans="1:2" x14ac:dyDescent="0.25">
      <c r="A643" s="9">
        <v>41461</v>
      </c>
      <c r="B643" s="8">
        <v>0</v>
      </c>
    </row>
    <row r="644" spans="1:2" x14ac:dyDescent="0.25">
      <c r="A644" s="9">
        <v>41462</v>
      </c>
      <c r="B644" s="8">
        <v>0</v>
      </c>
    </row>
    <row r="645" spans="1:2" x14ac:dyDescent="0.25">
      <c r="A645" s="9">
        <v>41463</v>
      </c>
      <c r="B645" s="8">
        <v>0</v>
      </c>
    </row>
    <row r="646" spans="1:2" x14ac:dyDescent="0.25">
      <c r="A646" s="9">
        <v>41464</v>
      </c>
      <c r="B646" s="8">
        <v>0</v>
      </c>
    </row>
    <row r="647" spans="1:2" x14ac:dyDescent="0.25">
      <c r="A647" s="9">
        <v>41465</v>
      </c>
      <c r="B647" s="8">
        <v>0</v>
      </c>
    </row>
    <row r="648" spans="1:2" x14ac:dyDescent="0.25">
      <c r="A648" s="9">
        <v>41466</v>
      </c>
      <c r="B648" s="8">
        <v>3.9</v>
      </c>
    </row>
    <row r="649" spans="1:2" x14ac:dyDescent="0.25">
      <c r="A649" s="9">
        <v>41467</v>
      </c>
      <c r="B649" s="8">
        <v>0.3</v>
      </c>
    </row>
    <row r="650" spans="1:2" x14ac:dyDescent="0.25">
      <c r="A650" s="9">
        <v>41468</v>
      </c>
      <c r="B650" s="8">
        <v>0</v>
      </c>
    </row>
    <row r="651" spans="1:2" x14ac:dyDescent="0.25">
      <c r="A651" s="9">
        <v>41469</v>
      </c>
      <c r="B651" s="8">
        <v>0</v>
      </c>
    </row>
    <row r="652" spans="1:2" x14ac:dyDescent="0.25">
      <c r="A652" s="9">
        <v>41470</v>
      </c>
      <c r="B652" s="8">
        <v>0</v>
      </c>
    </row>
    <row r="653" spans="1:2" x14ac:dyDescent="0.25">
      <c r="A653" s="9">
        <v>41471</v>
      </c>
      <c r="B653" s="8">
        <v>0</v>
      </c>
    </row>
    <row r="654" spans="1:2" x14ac:dyDescent="0.25">
      <c r="A654" s="9">
        <v>41472</v>
      </c>
      <c r="B654" s="8">
        <v>0</v>
      </c>
    </row>
    <row r="655" spans="1:2" x14ac:dyDescent="0.25">
      <c r="A655" s="9">
        <v>41473</v>
      </c>
      <c r="B655" s="8">
        <v>0</v>
      </c>
    </row>
    <row r="656" spans="1:2" x14ac:dyDescent="0.25">
      <c r="A656" s="9">
        <v>41474</v>
      </c>
      <c r="B656" s="8">
        <v>0</v>
      </c>
    </row>
    <row r="657" spans="1:2" x14ac:dyDescent="0.25">
      <c r="A657" s="9">
        <v>41475</v>
      </c>
      <c r="B657" s="8">
        <v>0</v>
      </c>
    </row>
    <row r="658" spans="1:2" x14ac:dyDescent="0.25">
      <c r="A658" s="9">
        <v>41476</v>
      </c>
      <c r="B658" s="8">
        <v>0</v>
      </c>
    </row>
    <row r="659" spans="1:2" x14ac:dyDescent="0.25">
      <c r="A659" s="9">
        <v>41477</v>
      </c>
      <c r="B659" s="8">
        <v>0</v>
      </c>
    </row>
    <row r="660" spans="1:2" x14ac:dyDescent="0.25">
      <c r="A660" s="9">
        <v>41478</v>
      </c>
      <c r="B660" s="8">
        <v>0</v>
      </c>
    </row>
    <row r="661" spans="1:2" x14ac:dyDescent="0.25">
      <c r="A661" s="9">
        <v>41479</v>
      </c>
      <c r="B661" s="8">
        <v>0</v>
      </c>
    </row>
    <row r="662" spans="1:2" x14ac:dyDescent="0.25">
      <c r="A662" s="9">
        <v>41480</v>
      </c>
      <c r="B662" s="8">
        <v>0</v>
      </c>
    </row>
    <row r="663" spans="1:2" x14ac:dyDescent="0.25">
      <c r="A663" s="9">
        <v>41481</v>
      </c>
      <c r="B663" s="8">
        <v>0</v>
      </c>
    </row>
    <row r="664" spans="1:2" x14ac:dyDescent="0.25">
      <c r="A664" s="9">
        <v>41482</v>
      </c>
      <c r="B664" s="8">
        <v>0</v>
      </c>
    </row>
    <row r="665" spans="1:2" x14ac:dyDescent="0.25">
      <c r="A665" s="9">
        <v>41483</v>
      </c>
      <c r="B665" s="8">
        <v>0</v>
      </c>
    </row>
    <row r="666" spans="1:2" x14ac:dyDescent="0.25">
      <c r="A666" s="9">
        <v>41484</v>
      </c>
      <c r="B666" s="8">
        <v>0</v>
      </c>
    </row>
    <row r="667" spans="1:2" x14ac:dyDescent="0.25">
      <c r="A667" s="9">
        <v>41485</v>
      </c>
      <c r="B667" s="8">
        <v>15.7</v>
      </c>
    </row>
    <row r="668" spans="1:2" x14ac:dyDescent="0.25">
      <c r="A668" s="9">
        <v>41486</v>
      </c>
      <c r="B668" s="8">
        <v>0</v>
      </c>
    </row>
    <row r="669" spans="1:2" x14ac:dyDescent="0.25">
      <c r="A669" s="9">
        <v>41487</v>
      </c>
      <c r="B669" s="8">
        <v>0</v>
      </c>
    </row>
    <row r="670" spans="1:2" x14ac:dyDescent="0.25">
      <c r="A670" s="9">
        <v>41488</v>
      </c>
      <c r="B670" s="8">
        <v>0</v>
      </c>
    </row>
    <row r="671" spans="1:2" x14ac:dyDescent="0.25">
      <c r="A671" s="9">
        <v>41489</v>
      </c>
      <c r="B671" s="8">
        <v>0</v>
      </c>
    </row>
    <row r="672" spans="1:2" x14ac:dyDescent="0.25">
      <c r="A672" s="9">
        <v>41490</v>
      </c>
      <c r="B672" s="8">
        <v>0</v>
      </c>
    </row>
    <row r="673" spans="1:2" x14ac:dyDescent="0.25">
      <c r="A673" s="9">
        <v>41491</v>
      </c>
      <c r="B673" s="8">
        <v>0</v>
      </c>
    </row>
    <row r="674" spans="1:2" x14ac:dyDescent="0.25">
      <c r="A674" s="9">
        <v>41492</v>
      </c>
      <c r="B674" s="8">
        <v>0</v>
      </c>
    </row>
    <row r="675" spans="1:2" x14ac:dyDescent="0.25">
      <c r="A675" s="9">
        <v>41493</v>
      </c>
      <c r="B675" s="8">
        <v>0</v>
      </c>
    </row>
    <row r="676" spans="1:2" x14ac:dyDescent="0.25">
      <c r="A676" s="9">
        <v>41494</v>
      </c>
      <c r="B676" s="8">
        <v>0</v>
      </c>
    </row>
    <row r="677" spans="1:2" x14ac:dyDescent="0.25">
      <c r="A677" s="9">
        <v>41495</v>
      </c>
      <c r="B677" s="8">
        <v>0</v>
      </c>
    </row>
    <row r="678" spans="1:2" x14ac:dyDescent="0.25">
      <c r="A678" s="9">
        <v>41496</v>
      </c>
      <c r="B678" s="8">
        <v>0</v>
      </c>
    </row>
    <row r="679" spans="1:2" x14ac:dyDescent="0.25">
      <c r="A679" s="9">
        <v>41497</v>
      </c>
      <c r="B679" s="8">
        <v>0</v>
      </c>
    </row>
    <row r="680" spans="1:2" x14ac:dyDescent="0.25">
      <c r="A680" s="9">
        <v>41498</v>
      </c>
      <c r="B680" s="8">
        <v>27.5</v>
      </c>
    </row>
    <row r="681" spans="1:2" x14ac:dyDescent="0.25">
      <c r="A681" s="9">
        <v>41499</v>
      </c>
      <c r="B681" s="8">
        <v>0</v>
      </c>
    </row>
    <row r="682" spans="1:2" x14ac:dyDescent="0.25">
      <c r="A682" s="9">
        <v>41500</v>
      </c>
      <c r="B682" s="8">
        <v>13.7</v>
      </c>
    </row>
    <row r="683" spans="1:2" x14ac:dyDescent="0.25">
      <c r="A683" s="9">
        <v>41501</v>
      </c>
      <c r="B683" s="8">
        <v>0</v>
      </c>
    </row>
    <row r="684" spans="1:2" x14ac:dyDescent="0.25">
      <c r="A684" s="9">
        <v>41502</v>
      </c>
      <c r="B684" s="8">
        <v>8.1</v>
      </c>
    </row>
    <row r="685" spans="1:2" x14ac:dyDescent="0.25">
      <c r="A685" s="9">
        <v>41503</v>
      </c>
      <c r="B685" s="8">
        <v>0</v>
      </c>
    </row>
    <row r="686" spans="1:2" x14ac:dyDescent="0.25">
      <c r="A686" s="9">
        <v>41504</v>
      </c>
      <c r="B686" s="8">
        <v>0</v>
      </c>
    </row>
    <row r="687" spans="1:2" x14ac:dyDescent="0.25">
      <c r="A687" s="9">
        <v>41505</v>
      </c>
      <c r="B687" s="8">
        <v>0</v>
      </c>
    </row>
    <row r="688" spans="1:2" x14ac:dyDescent="0.25">
      <c r="A688" s="9">
        <v>41506</v>
      </c>
      <c r="B688" s="8">
        <v>0</v>
      </c>
    </row>
    <row r="689" spans="1:2" x14ac:dyDescent="0.25">
      <c r="A689" s="9">
        <v>41507</v>
      </c>
      <c r="B689" s="8">
        <v>2.4</v>
      </c>
    </row>
    <row r="690" spans="1:2" x14ac:dyDescent="0.25">
      <c r="A690" s="9">
        <v>41508</v>
      </c>
      <c r="B690" s="8">
        <v>0</v>
      </c>
    </row>
    <row r="691" spans="1:2" x14ac:dyDescent="0.25">
      <c r="A691" s="9">
        <v>41509</v>
      </c>
      <c r="B691" s="8">
        <v>0</v>
      </c>
    </row>
    <row r="692" spans="1:2" x14ac:dyDescent="0.25">
      <c r="A692" s="9">
        <v>41510</v>
      </c>
      <c r="B692" s="8">
        <v>0</v>
      </c>
    </row>
    <row r="693" spans="1:2" x14ac:dyDescent="0.25">
      <c r="A693" s="9">
        <v>41511</v>
      </c>
      <c r="B693" s="8">
        <v>0</v>
      </c>
    </row>
    <row r="694" spans="1:2" x14ac:dyDescent="0.25">
      <c r="A694" s="9">
        <v>41512</v>
      </c>
      <c r="B694" s="8">
        <v>40</v>
      </c>
    </row>
    <row r="695" spans="1:2" x14ac:dyDescent="0.25">
      <c r="A695" s="9">
        <v>41513</v>
      </c>
      <c r="B695" s="8">
        <v>5.3</v>
      </c>
    </row>
    <row r="696" spans="1:2" x14ac:dyDescent="0.25">
      <c r="A696" s="9">
        <v>41514</v>
      </c>
      <c r="B696" s="8">
        <v>2.2999999999999998</v>
      </c>
    </row>
    <row r="697" spans="1:2" x14ac:dyDescent="0.25">
      <c r="A697" s="9">
        <v>41515</v>
      </c>
      <c r="B697" s="8">
        <v>21.4</v>
      </c>
    </row>
    <row r="698" spans="1:2" x14ac:dyDescent="0.25">
      <c r="A698" s="9">
        <v>41516</v>
      </c>
      <c r="B698" s="8">
        <v>0</v>
      </c>
    </row>
    <row r="699" spans="1:2" x14ac:dyDescent="0.25">
      <c r="A699" s="9">
        <v>41517</v>
      </c>
      <c r="B699" s="8">
        <v>0</v>
      </c>
    </row>
    <row r="700" spans="1:2" x14ac:dyDescent="0.25">
      <c r="A700" s="9">
        <v>41518</v>
      </c>
      <c r="B700" s="8">
        <v>0</v>
      </c>
    </row>
    <row r="701" spans="1:2" x14ac:dyDescent="0.25">
      <c r="A701" s="9">
        <v>41519</v>
      </c>
      <c r="B701" s="8">
        <v>1.5</v>
      </c>
    </row>
    <row r="702" spans="1:2" x14ac:dyDescent="0.25">
      <c r="A702" s="9">
        <v>41520</v>
      </c>
      <c r="B702" s="8">
        <v>0.1</v>
      </c>
    </row>
    <row r="703" spans="1:2" x14ac:dyDescent="0.25">
      <c r="A703" s="9">
        <v>41521</v>
      </c>
      <c r="B703" s="8">
        <v>0</v>
      </c>
    </row>
    <row r="704" spans="1:2" x14ac:dyDescent="0.25">
      <c r="A704" s="9">
        <v>41522</v>
      </c>
      <c r="B704" s="8">
        <v>0</v>
      </c>
    </row>
    <row r="705" spans="1:2" x14ac:dyDescent="0.25">
      <c r="A705" s="9">
        <v>41523</v>
      </c>
      <c r="B705" s="8">
        <v>0</v>
      </c>
    </row>
    <row r="706" spans="1:2" x14ac:dyDescent="0.25">
      <c r="A706" s="9">
        <v>41524</v>
      </c>
      <c r="B706" s="8">
        <v>0</v>
      </c>
    </row>
    <row r="707" spans="1:2" x14ac:dyDescent="0.25">
      <c r="A707" s="9">
        <v>41525</v>
      </c>
      <c r="B707" s="8">
        <v>0</v>
      </c>
    </row>
    <row r="708" spans="1:2" x14ac:dyDescent="0.25">
      <c r="A708" s="9">
        <v>41526</v>
      </c>
      <c r="B708" s="8">
        <v>7.9</v>
      </c>
    </row>
    <row r="709" spans="1:2" x14ac:dyDescent="0.25">
      <c r="A709" s="9">
        <v>41527</v>
      </c>
      <c r="B709" s="8">
        <v>59.3</v>
      </c>
    </row>
    <row r="710" spans="1:2" x14ac:dyDescent="0.25">
      <c r="A710" s="9">
        <v>41528</v>
      </c>
      <c r="B710" s="8">
        <v>40.4</v>
      </c>
    </row>
    <row r="711" spans="1:2" x14ac:dyDescent="0.25">
      <c r="A711" s="9">
        <v>41529</v>
      </c>
      <c r="B711" s="8">
        <v>0</v>
      </c>
    </row>
    <row r="712" spans="1:2" x14ac:dyDescent="0.25">
      <c r="A712" s="9">
        <v>41530</v>
      </c>
      <c r="B712" s="8">
        <v>0.2</v>
      </c>
    </row>
    <row r="713" spans="1:2" x14ac:dyDescent="0.25">
      <c r="A713" s="9">
        <v>41531</v>
      </c>
      <c r="B713" s="8">
        <v>0</v>
      </c>
    </row>
    <row r="714" spans="1:2" x14ac:dyDescent="0.25">
      <c r="A714" s="9">
        <v>41532</v>
      </c>
      <c r="B714" s="8">
        <v>0</v>
      </c>
    </row>
    <row r="715" spans="1:2" x14ac:dyDescent="0.25">
      <c r="A715" s="9">
        <v>41533</v>
      </c>
      <c r="B715" s="8">
        <v>0.3</v>
      </c>
    </row>
    <row r="716" spans="1:2" x14ac:dyDescent="0.25">
      <c r="A716" s="9">
        <v>41534</v>
      </c>
      <c r="B716" s="8">
        <v>18.600000000000001</v>
      </c>
    </row>
    <row r="717" spans="1:2" x14ac:dyDescent="0.25">
      <c r="A717" s="9">
        <v>41535</v>
      </c>
      <c r="B717" s="8">
        <v>17.3</v>
      </c>
    </row>
    <row r="718" spans="1:2" x14ac:dyDescent="0.25">
      <c r="A718" s="9">
        <v>41536</v>
      </c>
      <c r="B718" s="8">
        <v>0</v>
      </c>
    </row>
    <row r="719" spans="1:2" x14ac:dyDescent="0.25">
      <c r="A719" s="9">
        <v>41537</v>
      </c>
      <c r="B719" s="8">
        <v>0</v>
      </c>
    </row>
    <row r="720" spans="1:2" x14ac:dyDescent="0.25">
      <c r="A720" s="9">
        <v>41538</v>
      </c>
      <c r="B720" s="8">
        <v>0</v>
      </c>
    </row>
    <row r="721" spans="1:2" x14ac:dyDescent="0.25">
      <c r="A721" s="9">
        <v>41539</v>
      </c>
      <c r="B721" s="8">
        <v>0</v>
      </c>
    </row>
    <row r="722" spans="1:2" x14ac:dyDescent="0.25">
      <c r="A722" s="9">
        <v>41540</v>
      </c>
      <c r="B722" s="8">
        <v>0</v>
      </c>
    </row>
    <row r="723" spans="1:2" x14ac:dyDescent="0.25">
      <c r="A723" s="9">
        <v>41541</v>
      </c>
      <c r="B723" s="8">
        <v>0</v>
      </c>
    </row>
    <row r="724" spans="1:2" x14ac:dyDescent="0.25">
      <c r="A724" s="9">
        <v>41542</v>
      </c>
      <c r="B724" s="8">
        <v>0</v>
      </c>
    </row>
    <row r="725" spans="1:2" x14ac:dyDescent="0.25">
      <c r="A725" s="9">
        <v>41543</v>
      </c>
      <c r="B725" s="8">
        <v>0</v>
      </c>
    </row>
    <row r="726" spans="1:2" x14ac:dyDescent="0.25">
      <c r="A726" s="9">
        <v>41544</v>
      </c>
      <c r="B726" s="8">
        <v>0</v>
      </c>
    </row>
    <row r="727" spans="1:2" x14ac:dyDescent="0.25">
      <c r="A727" s="9">
        <v>41545</v>
      </c>
      <c r="B727" s="8">
        <v>0</v>
      </c>
    </row>
    <row r="728" spans="1:2" x14ac:dyDescent="0.25">
      <c r="A728" s="9">
        <v>41546</v>
      </c>
      <c r="B728" s="8">
        <v>0</v>
      </c>
    </row>
    <row r="729" spans="1:2" x14ac:dyDescent="0.25">
      <c r="A729" s="9">
        <v>41547</v>
      </c>
      <c r="B729" s="8">
        <v>54.6</v>
      </c>
    </row>
    <row r="730" spans="1:2" x14ac:dyDescent="0.25">
      <c r="A730" s="9">
        <v>41548</v>
      </c>
      <c r="B730" s="8">
        <v>1.8</v>
      </c>
    </row>
    <row r="731" spans="1:2" x14ac:dyDescent="0.25">
      <c r="A731" s="9">
        <v>41549</v>
      </c>
      <c r="B731" s="8">
        <v>0.8</v>
      </c>
    </row>
    <row r="732" spans="1:2" x14ac:dyDescent="0.25">
      <c r="A732" s="9">
        <v>41550</v>
      </c>
      <c r="B732" s="8">
        <v>0</v>
      </c>
    </row>
    <row r="733" spans="1:2" x14ac:dyDescent="0.25">
      <c r="A733" s="9">
        <v>41551</v>
      </c>
      <c r="B733" s="8">
        <v>0</v>
      </c>
    </row>
    <row r="734" spans="1:2" x14ac:dyDescent="0.25">
      <c r="A734" s="9">
        <v>41552</v>
      </c>
      <c r="B734" s="8">
        <v>0</v>
      </c>
    </row>
    <row r="735" spans="1:2" x14ac:dyDescent="0.25">
      <c r="A735" s="9">
        <v>41553</v>
      </c>
      <c r="B735" s="8">
        <v>0</v>
      </c>
    </row>
    <row r="736" spans="1:2" x14ac:dyDescent="0.25">
      <c r="A736" s="9">
        <v>41554</v>
      </c>
      <c r="B736" s="8">
        <v>1.4</v>
      </c>
    </row>
    <row r="737" spans="1:2" x14ac:dyDescent="0.25">
      <c r="A737" s="9">
        <v>41555</v>
      </c>
      <c r="B737" s="8">
        <v>0.1</v>
      </c>
    </row>
    <row r="738" spans="1:2" x14ac:dyDescent="0.25">
      <c r="A738" s="9">
        <v>41556</v>
      </c>
      <c r="B738" s="8">
        <v>1.4</v>
      </c>
    </row>
    <row r="739" spans="1:2" x14ac:dyDescent="0.25">
      <c r="A739" s="9">
        <v>41557</v>
      </c>
      <c r="B739" s="8">
        <v>0</v>
      </c>
    </row>
    <row r="740" spans="1:2" x14ac:dyDescent="0.25">
      <c r="A740" s="9">
        <v>41558</v>
      </c>
      <c r="B740" s="8">
        <v>7.9</v>
      </c>
    </row>
    <row r="741" spans="1:2" x14ac:dyDescent="0.25">
      <c r="A741" s="9">
        <v>41559</v>
      </c>
      <c r="B741" s="8">
        <v>0</v>
      </c>
    </row>
    <row r="742" spans="1:2" x14ac:dyDescent="0.25">
      <c r="A742" s="9">
        <v>41560</v>
      </c>
      <c r="B742" s="8">
        <v>0</v>
      </c>
    </row>
    <row r="743" spans="1:2" x14ac:dyDescent="0.25">
      <c r="A743" s="9">
        <v>41561</v>
      </c>
      <c r="B743" s="8">
        <v>16.399999999999999</v>
      </c>
    </row>
    <row r="744" spans="1:2" x14ac:dyDescent="0.25">
      <c r="A744" s="9">
        <v>41562</v>
      </c>
      <c r="B744" s="8">
        <v>0</v>
      </c>
    </row>
    <row r="745" spans="1:2" x14ac:dyDescent="0.25">
      <c r="A745" s="9">
        <v>41563</v>
      </c>
      <c r="B745" s="8">
        <v>1.3</v>
      </c>
    </row>
    <row r="746" spans="1:2" x14ac:dyDescent="0.25">
      <c r="A746" s="9">
        <v>41564</v>
      </c>
      <c r="B746" s="8">
        <v>0</v>
      </c>
    </row>
    <row r="747" spans="1:2" x14ac:dyDescent="0.25">
      <c r="A747" s="9">
        <v>41565</v>
      </c>
      <c r="B747" s="8">
        <v>0</v>
      </c>
    </row>
    <row r="748" spans="1:2" x14ac:dyDescent="0.25">
      <c r="A748" s="9">
        <v>41566</v>
      </c>
      <c r="B748" s="8">
        <v>0</v>
      </c>
    </row>
    <row r="749" spans="1:2" x14ac:dyDescent="0.25">
      <c r="A749" s="9">
        <v>41567</v>
      </c>
      <c r="B749" s="8">
        <v>0</v>
      </c>
    </row>
    <row r="750" spans="1:2" x14ac:dyDescent="0.25">
      <c r="A750" s="9">
        <v>41568</v>
      </c>
      <c r="B750" s="8">
        <v>4.5999999999999996</v>
      </c>
    </row>
    <row r="751" spans="1:2" x14ac:dyDescent="0.25">
      <c r="A751" s="9">
        <v>41569</v>
      </c>
      <c r="B751" s="8">
        <v>0.5</v>
      </c>
    </row>
    <row r="752" spans="1:2" x14ac:dyDescent="0.25">
      <c r="A752" s="9">
        <v>41570</v>
      </c>
      <c r="B752" s="8">
        <v>0</v>
      </c>
    </row>
    <row r="753" spans="1:2" x14ac:dyDescent="0.25">
      <c r="A753" s="9">
        <v>41571</v>
      </c>
      <c r="B753" s="8">
        <v>0</v>
      </c>
    </row>
    <row r="754" spans="1:2" x14ac:dyDescent="0.25">
      <c r="A754" s="9">
        <v>41572</v>
      </c>
      <c r="B754" s="8">
        <v>0.5</v>
      </c>
    </row>
    <row r="755" spans="1:2" x14ac:dyDescent="0.25">
      <c r="A755" s="9">
        <v>41573</v>
      </c>
      <c r="B755" s="8">
        <v>0</v>
      </c>
    </row>
    <row r="756" spans="1:2" x14ac:dyDescent="0.25">
      <c r="A756" s="9">
        <v>41574</v>
      </c>
      <c r="B756" s="8">
        <v>0</v>
      </c>
    </row>
    <row r="757" spans="1:2" x14ac:dyDescent="0.25">
      <c r="A757" s="9">
        <v>41575</v>
      </c>
      <c r="B757" s="8">
        <v>0</v>
      </c>
    </row>
    <row r="758" spans="1:2" x14ac:dyDescent="0.25">
      <c r="A758" s="9">
        <v>41576</v>
      </c>
      <c r="B758" s="8">
        <v>0</v>
      </c>
    </row>
    <row r="759" spans="1:2" x14ac:dyDescent="0.25">
      <c r="A759" s="9">
        <v>41577</v>
      </c>
      <c r="B759" s="8">
        <v>0</v>
      </c>
    </row>
    <row r="760" spans="1:2" x14ac:dyDescent="0.25">
      <c r="A760" s="9">
        <v>41578</v>
      </c>
      <c r="B760" s="8">
        <v>0</v>
      </c>
    </row>
    <row r="761" spans="1:2" x14ac:dyDescent="0.25">
      <c r="A761" s="9">
        <v>41579</v>
      </c>
      <c r="B761" s="8">
        <v>0</v>
      </c>
    </row>
    <row r="762" spans="1:2" x14ac:dyDescent="0.25">
      <c r="A762" s="9">
        <v>41580</v>
      </c>
      <c r="B762" s="8">
        <v>0</v>
      </c>
    </row>
    <row r="763" spans="1:2" x14ac:dyDescent="0.25">
      <c r="A763" s="9">
        <v>41581</v>
      </c>
      <c r="B763" s="8">
        <v>0</v>
      </c>
    </row>
    <row r="764" spans="1:2" x14ac:dyDescent="0.25">
      <c r="A764" s="9">
        <v>41582</v>
      </c>
      <c r="B764" s="8">
        <v>21</v>
      </c>
    </row>
    <row r="765" spans="1:2" x14ac:dyDescent="0.25">
      <c r="A765" s="9">
        <v>41583</v>
      </c>
      <c r="B765" s="8">
        <v>46.4</v>
      </c>
    </row>
    <row r="766" spans="1:2" x14ac:dyDescent="0.25">
      <c r="A766" s="9">
        <v>41584</v>
      </c>
      <c r="B766" s="8">
        <v>10.5</v>
      </c>
    </row>
    <row r="767" spans="1:2" x14ac:dyDescent="0.25">
      <c r="A767" s="9">
        <v>41585</v>
      </c>
      <c r="B767" s="8">
        <v>0.2</v>
      </c>
    </row>
    <row r="768" spans="1:2" x14ac:dyDescent="0.25">
      <c r="A768" s="9">
        <v>41586</v>
      </c>
      <c r="B768" s="8">
        <v>0.4</v>
      </c>
    </row>
    <row r="769" spans="1:2" x14ac:dyDescent="0.25">
      <c r="A769" s="9">
        <v>41587</v>
      </c>
      <c r="B769" s="8">
        <v>0</v>
      </c>
    </row>
    <row r="770" spans="1:2" x14ac:dyDescent="0.25">
      <c r="A770" s="9">
        <v>41588</v>
      </c>
      <c r="B770" s="8">
        <v>0</v>
      </c>
    </row>
    <row r="771" spans="1:2" x14ac:dyDescent="0.25">
      <c r="A771" s="9">
        <v>41589</v>
      </c>
      <c r="B771" s="8">
        <v>46.9</v>
      </c>
    </row>
    <row r="772" spans="1:2" x14ac:dyDescent="0.25">
      <c r="A772" s="9">
        <v>41590</v>
      </c>
      <c r="B772" s="8">
        <v>0</v>
      </c>
    </row>
    <row r="773" spans="1:2" x14ac:dyDescent="0.25">
      <c r="A773" s="9">
        <v>41591</v>
      </c>
      <c r="B773" s="8">
        <v>0.1</v>
      </c>
    </row>
    <row r="774" spans="1:2" x14ac:dyDescent="0.25">
      <c r="A774" s="9">
        <v>41592</v>
      </c>
      <c r="B774" s="8">
        <v>0.3</v>
      </c>
    </row>
    <row r="775" spans="1:2" x14ac:dyDescent="0.25">
      <c r="A775" s="9">
        <v>41593</v>
      </c>
      <c r="B775" s="8">
        <v>7.2</v>
      </c>
    </row>
    <row r="776" spans="1:2" x14ac:dyDescent="0.25">
      <c r="A776" s="9">
        <v>41594</v>
      </c>
      <c r="B776" s="8">
        <v>0</v>
      </c>
    </row>
    <row r="777" spans="1:2" x14ac:dyDescent="0.25">
      <c r="A777" s="9">
        <v>41595</v>
      </c>
      <c r="B777" s="8">
        <v>0</v>
      </c>
    </row>
    <row r="778" spans="1:2" x14ac:dyDescent="0.25">
      <c r="A778" s="9">
        <v>41596</v>
      </c>
      <c r="B778" s="8">
        <v>0</v>
      </c>
    </row>
    <row r="779" spans="1:2" x14ac:dyDescent="0.25">
      <c r="A779" s="9">
        <v>41597</v>
      </c>
      <c r="B779" s="8">
        <v>1.2</v>
      </c>
    </row>
    <row r="780" spans="1:2" x14ac:dyDescent="0.25">
      <c r="A780" s="9">
        <v>41598</v>
      </c>
      <c r="B780" s="8">
        <v>15.8</v>
      </c>
    </row>
    <row r="781" spans="1:2" x14ac:dyDescent="0.25">
      <c r="A781" s="9">
        <v>41599</v>
      </c>
      <c r="B781" s="8">
        <v>1.1000000000000001</v>
      </c>
    </row>
    <row r="782" spans="1:2" x14ac:dyDescent="0.25">
      <c r="A782" s="9">
        <v>41600</v>
      </c>
      <c r="B782" s="8">
        <v>11.9</v>
      </c>
    </row>
    <row r="783" spans="1:2" x14ac:dyDescent="0.25">
      <c r="A783" s="9">
        <v>41601</v>
      </c>
      <c r="B783" s="8">
        <v>0</v>
      </c>
    </row>
    <row r="784" spans="1:2" x14ac:dyDescent="0.25">
      <c r="A784" s="9">
        <v>41602</v>
      </c>
      <c r="B784" s="8">
        <v>0</v>
      </c>
    </row>
    <row r="785" spans="1:2" x14ac:dyDescent="0.25">
      <c r="A785" s="9">
        <v>41603</v>
      </c>
      <c r="B785" s="8">
        <v>38.6</v>
      </c>
    </row>
    <row r="786" spans="1:2" x14ac:dyDescent="0.25">
      <c r="A786" s="9">
        <v>41604</v>
      </c>
      <c r="B786" s="8">
        <v>0</v>
      </c>
    </row>
    <row r="787" spans="1:2" x14ac:dyDescent="0.25">
      <c r="A787" s="9">
        <v>41605</v>
      </c>
      <c r="B787" s="8">
        <v>0</v>
      </c>
    </row>
    <row r="788" spans="1:2" x14ac:dyDescent="0.25">
      <c r="A788" s="9">
        <v>41606</v>
      </c>
      <c r="B788" s="8">
        <v>0</v>
      </c>
    </row>
    <row r="789" spans="1:2" x14ac:dyDescent="0.25">
      <c r="A789" s="9">
        <v>41607</v>
      </c>
      <c r="B789" s="8">
        <v>0</v>
      </c>
    </row>
    <row r="790" spans="1:2" x14ac:dyDescent="0.25">
      <c r="A790" s="9">
        <v>41608</v>
      </c>
      <c r="B790" s="8">
        <v>0</v>
      </c>
    </row>
    <row r="791" spans="1:2" x14ac:dyDescent="0.25">
      <c r="A791" s="9">
        <v>41609</v>
      </c>
      <c r="B791" s="8">
        <v>0</v>
      </c>
    </row>
    <row r="792" spans="1:2" x14ac:dyDescent="0.25">
      <c r="A792" s="9">
        <v>41610</v>
      </c>
      <c r="B792" s="8">
        <v>0.7</v>
      </c>
    </row>
    <row r="793" spans="1:2" x14ac:dyDescent="0.25">
      <c r="A793" s="9">
        <v>41611</v>
      </c>
      <c r="B793" s="8">
        <v>0</v>
      </c>
    </row>
    <row r="794" spans="1:2" x14ac:dyDescent="0.25">
      <c r="A794" s="9">
        <v>41612</v>
      </c>
      <c r="B794" s="8">
        <v>0</v>
      </c>
    </row>
    <row r="795" spans="1:2" x14ac:dyDescent="0.25">
      <c r="A795" s="9">
        <v>41613</v>
      </c>
      <c r="B795" s="8">
        <v>0</v>
      </c>
    </row>
    <row r="796" spans="1:2" x14ac:dyDescent="0.25">
      <c r="A796" s="9">
        <v>41614</v>
      </c>
      <c r="B796" s="8">
        <v>0</v>
      </c>
    </row>
    <row r="797" spans="1:2" x14ac:dyDescent="0.25">
      <c r="A797" s="9">
        <v>41615</v>
      </c>
      <c r="B797" s="8">
        <v>0</v>
      </c>
    </row>
    <row r="798" spans="1:2" x14ac:dyDescent="0.25">
      <c r="A798" s="9">
        <v>41616</v>
      </c>
      <c r="B798" s="8">
        <v>0</v>
      </c>
    </row>
    <row r="799" spans="1:2" x14ac:dyDescent="0.25">
      <c r="A799" s="9">
        <v>41617</v>
      </c>
      <c r="B799" s="8">
        <v>0</v>
      </c>
    </row>
    <row r="800" spans="1:2" x14ac:dyDescent="0.25">
      <c r="A800" s="9">
        <v>41618</v>
      </c>
      <c r="B800" s="8">
        <v>0</v>
      </c>
    </row>
    <row r="801" spans="1:2" x14ac:dyDescent="0.25">
      <c r="A801" s="9">
        <v>41619</v>
      </c>
      <c r="B801" s="8">
        <v>0</v>
      </c>
    </row>
    <row r="802" spans="1:2" x14ac:dyDescent="0.25">
      <c r="A802" s="9">
        <v>41620</v>
      </c>
      <c r="B802" s="8">
        <v>0</v>
      </c>
    </row>
    <row r="803" spans="1:2" x14ac:dyDescent="0.25">
      <c r="A803" s="9">
        <v>41621</v>
      </c>
      <c r="B803" s="8">
        <v>0.2</v>
      </c>
    </row>
    <row r="804" spans="1:2" x14ac:dyDescent="0.25">
      <c r="A804" s="9">
        <v>41622</v>
      </c>
      <c r="B804" s="8">
        <v>0</v>
      </c>
    </row>
    <row r="805" spans="1:2" x14ac:dyDescent="0.25">
      <c r="A805" s="9">
        <v>41623</v>
      </c>
      <c r="B805" s="8">
        <v>0</v>
      </c>
    </row>
    <row r="806" spans="1:2" x14ac:dyDescent="0.25">
      <c r="A806" s="9">
        <v>41624</v>
      </c>
      <c r="B806" s="8">
        <v>0</v>
      </c>
    </row>
    <row r="807" spans="1:2" x14ac:dyDescent="0.25">
      <c r="A807" s="9">
        <v>41625</v>
      </c>
      <c r="B807" s="8">
        <v>0</v>
      </c>
    </row>
    <row r="808" spans="1:2" x14ac:dyDescent="0.25">
      <c r="A808" s="9">
        <v>41626</v>
      </c>
      <c r="B808" s="8">
        <v>0.2</v>
      </c>
    </row>
    <row r="809" spans="1:2" x14ac:dyDescent="0.25">
      <c r="A809" s="9">
        <v>41627</v>
      </c>
      <c r="B809" s="8">
        <v>0</v>
      </c>
    </row>
    <row r="810" spans="1:2" x14ac:dyDescent="0.25">
      <c r="A810" s="9">
        <v>41628</v>
      </c>
      <c r="B810" s="8">
        <v>0</v>
      </c>
    </row>
    <row r="811" spans="1:2" x14ac:dyDescent="0.25">
      <c r="A811" s="9">
        <v>41629</v>
      </c>
      <c r="B811" s="8">
        <v>0</v>
      </c>
    </row>
    <row r="812" spans="1:2" x14ac:dyDescent="0.25">
      <c r="A812" s="9">
        <v>41630</v>
      </c>
      <c r="B812" s="8">
        <v>0</v>
      </c>
    </row>
    <row r="813" spans="1:2" x14ac:dyDescent="0.25">
      <c r="A813" s="9">
        <v>41631</v>
      </c>
      <c r="B813" s="8">
        <v>3.8</v>
      </c>
    </row>
    <row r="814" spans="1:2" x14ac:dyDescent="0.25">
      <c r="A814" s="9">
        <v>41632</v>
      </c>
      <c r="B814" s="8">
        <v>0</v>
      </c>
    </row>
    <row r="815" spans="1:2" x14ac:dyDescent="0.25">
      <c r="A815" s="9">
        <v>41633</v>
      </c>
      <c r="B815" s="8">
        <v>0</v>
      </c>
    </row>
    <row r="816" spans="1:2" x14ac:dyDescent="0.25">
      <c r="A816" s="9">
        <v>41634</v>
      </c>
      <c r="B816" s="8">
        <v>0</v>
      </c>
    </row>
    <row r="817" spans="1:2" x14ac:dyDescent="0.25">
      <c r="A817" s="9">
        <v>41635</v>
      </c>
      <c r="B817" s="8">
        <v>0</v>
      </c>
    </row>
    <row r="818" spans="1:2" x14ac:dyDescent="0.25">
      <c r="A818" s="9">
        <v>41636</v>
      </c>
      <c r="B818" s="8">
        <v>0</v>
      </c>
    </row>
    <row r="819" spans="1:2" x14ac:dyDescent="0.25">
      <c r="A819" s="9">
        <v>41637</v>
      </c>
      <c r="B819" s="8">
        <v>0</v>
      </c>
    </row>
    <row r="820" spans="1:2" x14ac:dyDescent="0.25">
      <c r="A820" s="9">
        <v>41638</v>
      </c>
      <c r="B820" s="8">
        <v>54.3</v>
      </c>
    </row>
    <row r="821" spans="1:2" x14ac:dyDescent="0.25">
      <c r="A821" s="9">
        <v>41639</v>
      </c>
      <c r="B821" s="8">
        <v>0</v>
      </c>
    </row>
    <row r="822" spans="1:2" x14ac:dyDescent="0.25">
      <c r="A822" s="9">
        <v>41640</v>
      </c>
      <c r="B822" s="8">
        <v>0</v>
      </c>
    </row>
    <row r="823" spans="1:2" x14ac:dyDescent="0.25">
      <c r="A823" s="9">
        <v>41641</v>
      </c>
      <c r="B823" s="8">
        <v>3.3</v>
      </c>
    </row>
    <row r="824" spans="1:2" x14ac:dyDescent="0.25">
      <c r="A824" s="9">
        <v>41642</v>
      </c>
      <c r="B824" s="8">
        <v>0.9</v>
      </c>
    </row>
    <row r="825" spans="1:2" x14ac:dyDescent="0.25">
      <c r="A825" s="9">
        <v>41643</v>
      </c>
      <c r="B825" s="8">
        <v>0</v>
      </c>
    </row>
    <row r="826" spans="1:2" x14ac:dyDescent="0.25">
      <c r="A826" s="9">
        <v>41644</v>
      </c>
      <c r="B826" s="8">
        <v>0</v>
      </c>
    </row>
    <row r="827" spans="1:2" x14ac:dyDescent="0.25">
      <c r="A827" s="9">
        <v>41645</v>
      </c>
      <c r="B827" s="8">
        <v>41.8</v>
      </c>
    </row>
    <row r="828" spans="1:2" x14ac:dyDescent="0.25">
      <c r="A828" s="9">
        <v>41646</v>
      </c>
      <c r="B828" s="8">
        <v>0</v>
      </c>
    </row>
    <row r="829" spans="1:2" x14ac:dyDescent="0.25">
      <c r="A829" s="9">
        <v>41647</v>
      </c>
      <c r="B829" s="8">
        <v>0</v>
      </c>
    </row>
    <row r="830" spans="1:2" x14ac:dyDescent="0.25">
      <c r="A830" s="9">
        <v>41648</v>
      </c>
      <c r="B830" s="8">
        <v>0</v>
      </c>
    </row>
    <row r="831" spans="1:2" x14ac:dyDescent="0.25">
      <c r="A831" s="9">
        <v>41649</v>
      </c>
      <c r="B831" s="8">
        <v>0</v>
      </c>
    </row>
    <row r="832" spans="1:2" x14ac:dyDescent="0.25">
      <c r="A832" s="9">
        <v>41650</v>
      </c>
      <c r="B832" s="8">
        <v>0</v>
      </c>
    </row>
    <row r="833" spans="1:2" x14ac:dyDescent="0.25">
      <c r="A833" s="9">
        <v>41651</v>
      </c>
      <c r="B833" s="8">
        <v>0</v>
      </c>
    </row>
    <row r="834" spans="1:2" x14ac:dyDescent="0.25">
      <c r="A834" s="9">
        <v>41652</v>
      </c>
      <c r="B834" s="8">
        <v>0</v>
      </c>
    </row>
    <row r="835" spans="1:2" x14ac:dyDescent="0.25">
      <c r="A835" s="9">
        <v>41653</v>
      </c>
      <c r="B835" s="8">
        <v>0</v>
      </c>
    </row>
    <row r="836" spans="1:2" x14ac:dyDescent="0.25">
      <c r="A836" s="9">
        <v>41654</v>
      </c>
      <c r="B836" s="8">
        <v>16.399999999999999</v>
      </c>
    </row>
    <row r="837" spans="1:2" x14ac:dyDescent="0.25">
      <c r="A837" s="9">
        <v>41655</v>
      </c>
      <c r="B837" s="8">
        <v>0.2</v>
      </c>
    </row>
    <row r="838" spans="1:2" x14ac:dyDescent="0.25">
      <c r="A838" s="9">
        <v>41656</v>
      </c>
      <c r="B838" s="8">
        <v>3</v>
      </c>
    </row>
    <row r="839" spans="1:2" x14ac:dyDescent="0.25">
      <c r="A839" s="9">
        <v>41657</v>
      </c>
      <c r="B839" s="8">
        <v>0</v>
      </c>
    </row>
    <row r="840" spans="1:2" x14ac:dyDescent="0.25">
      <c r="A840" s="9">
        <v>41658</v>
      </c>
      <c r="B840" s="8">
        <v>0</v>
      </c>
    </row>
    <row r="841" spans="1:2" x14ac:dyDescent="0.25">
      <c r="A841" s="9">
        <v>41659</v>
      </c>
      <c r="B841" s="8">
        <v>52</v>
      </c>
    </row>
    <row r="842" spans="1:2" x14ac:dyDescent="0.25">
      <c r="A842" s="9">
        <v>41660</v>
      </c>
      <c r="B842" s="8">
        <v>0.3</v>
      </c>
    </row>
    <row r="843" spans="1:2" x14ac:dyDescent="0.25">
      <c r="A843" s="9">
        <v>41661</v>
      </c>
      <c r="B843" s="8">
        <v>0</v>
      </c>
    </row>
    <row r="844" spans="1:2" x14ac:dyDescent="0.25">
      <c r="A844" s="9">
        <v>41662</v>
      </c>
      <c r="B844" s="8">
        <v>0</v>
      </c>
    </row>
    <row r="845" spans="1:2" x14ac:dyDescent="0.25">
      <c r="A845" s="9">
        <v>41663</v>
      </c>
      <c r="B845" s="8">
        <v>18.8</v>
      </c>
    </row>
    <row r="846" spans="1:2" x14ac:dyDescent="0.25">
      <c r="A846" s="9">
        <v>41664</v>
      </c>
      <c r="B846" s="8">
        <v>0</v>
      </c>
    </row>
    <row r="847" spans="1:2" x14ac:dyDescent="0.25">
      <c r="A847" s="9">
        <v>41665</v>
      </c>
      <c r="B847" s="8">
        <v>0</v>
      </c>
    </row>
    <row r="848" spans="1:2" x14ac:dyDescent="0.25">
      <c r="A848" s="9">
        <v>41666</v>
      </c>
      <c r="B848" s="8">
        <v>9</v>
      </c>
    </row>
    <row r="849" spans="1:2" x14ac:dyDescent="0.25">
      <c r="A849" s="9">
        <v>41667</v>
      </c>
      <c r="B849" s="8">
        <v>0.8</v>
      </c>
    </row>
    <row r="850" spans="1:2" x14ac:dyDescent="0.25">
      <c r="A850" s="9">
        <v>41668</v>
      </c>
      <c r="B850" s="8">
        <v>4.2</v>
      </c>
    </row>
    <row r="851" spans="1:2" x14ac:dyDescent="0.25">
      <c r="A851" s="9">
        <v>41669</v>
      </c>
      <c r="B851" s="8">
        <v>5</v>
      </c>
    </row>
    <row r="852" spans="1:2" x14ac:dyDescent="0.25">
      <c r="A852" s="9">
        <v>41670</v>
      </c>
      <c r="B852" s="8">
        <v>19.8</v>
      </c>
    </row>
    <row r="853" spans="1:2" x14ac:dyDescent="0.25">
      <c r="A853" s="9">
        <v>41671</v>
      </c>
      <c r="B853" s="8">
        <v>0</v>
      </c>
    </row>
    <row r="854" spans="1:2" x14ac:dyDescent="0.25">
      <c r="A854" s="9">
        <v>41672</v>
      </c>
      <c r="B854" s="8">
        <v>0</v>
      </c>
    </row>
    <row r="855" spans="1:2" x14ac:dyDescent="0.25">
      <c r="A855" s="9">
        <v>41673</v>
      </c>
      <c r="B855" s="8">
        <v>75.400000000000006</v>
      </c>
    </row>
    <row r="856" spans="1:2" x14ac:dyDescent="0.25">
      <c r="A856" s="9">
        <v>41674</v>
      </c>
      <c r="B856" s="8">
        <v>0</v>
      </c>
    </row>
    <row r="857" spans="1:2" x14ac:dyDescent="0.25">
      <c r="A857" s="9">
        <v>41675</v>
      </c>
      <c r="B857" s="8">
        <v>4.7</v>
      </c>
    </row>
    <row r="858" spans="1:2" x14ac:dyDescent="0.25">
      <c r="A858" s="9">
        <v>41676</v>
      </c>
      <c r="B858" s="8">
        <v>2.9</v>
      </c>
    </row>
    <row r="859" spans="1:2" x14ac:dyDescent="0.25">
      <c r="A859" s="9">
        <v>41677</v>
      </c>
      <c r="B859" s="8">
        <v>0.6</v>
      </c>
    </row>
    <row r="860" spans="1:2" x14ac:dyDescent="0.25">
      <c r="A860" s="9">
        <v>41678</v>
      </c>
      <c r="B860" s="8">
        <v>0</v>
      </c>
    </row>
    <row r="861" spans="1:2" x14ac:dyDescent="0.25">
      <c r="A861" s="9">
        <v>41679</v>
      </c>
      <c r="B861" s="8">
        <v>0</v>
      </c>
    </row>
    <row r="862" spans="1:2" x14ac:dyDescent="0.25">
      <c r="A862" s="9">
        <v>41680</v>
      </c>
      <c r="B862" s="8">
        <v>30.5</v>
      </c>
    </row>
    <row r="863" spans="1:2" x14ac:dyDescent="0.25">
      <c r="A863" s="9">
        <v>41681</v>
      </c>
      <c r="B863" s="8">
        <v>30.6</v>
      </c>
    </row>
    <row r="864" spans="1:2" x14ac:dyDescent="0.25">
      <c r="A864" s="9">
        <v>41682</v>
      </c>
      <c r="B864" s="8">
        <v>22.5</v>
      </c>
    </row>
    <row r="865" spans="1:2" x14ac:dyDescent="0.25">
      <c r="A865" s="9">
        <v>41683</v>
      </c>
      <c r="B865" s="8">
        <v>6.8</v>
      </c>
    </row>
    <row r="866" spans="1:2" x14ac:dyDescent="0.25">
      <c r="A866" s="9">
        <v>41684</v>
      </c>
      <c r="B866" s="8">
        <v>22.8</v>
      </c>
    </row>
    <row r="867" spans="1:2" x14ac:dyDescent="0.25">
      <c r="A867" s="9">
        <v>41685</v>
      </c>
      <c r="B867" s="8">
        <v>0</v>
      </c>
    </row>
    <row r="868" spans="1:2" x14ac:dyDescent="0.25">
      <c r="A868" s="9">
        <v>41686</v>
      </c>
      <c r="B868" s="8">
        <v>0</v>
      </c>
    </row>
    <row r="869" spans="1:2" x14ac:dyDescent="0.25">
      <c r="A869" s="9">
        <v>41687</v>
      </c>
      <c r="B869" s="8">
        <v>25.8</v>
      </c>
    </row>
    <row r="870" spans="1:2" x14ac:dyDescent="0.25">
      <c r="A870" s="9">
        <v>41688</v>
      </c>
      <c r="B870" s="8">
        <v>15.2</v>
      </c>
    </row>
    <row r="871" spans="1:2" x14ac:dyDescent="0.25">
      <c r="A871" s="9">
        <v>41689</v>
      </c>
      <c r="B871" s="8">
        <v>9.6999999999999993</v>
      </c>
    </row>
    <row r="872" spans="1:2" x14ac:dyDescent="0.25">
      <c r="A872" s="9">
        <v>41690</v>
      </c>
      <c r="B872" s="8">
        <v>18.5</v>
      </c>
    </row>
    <row r="873" spans="1:2" x14ac:dyDescent="0.25">
      <c r="A873" s="9">
        <v>41691</v>
      </c>
      <c r="B873" s="8">
        <v>1</v>
      </c>
    </row>
    <row r="874" spans="1:2" x14ac:dyDescent="0.25">
      <c r="A874" s="9">
        <v>41692</v>
      </c>
      <c r="B874" s="8">
        <v>0</v>
      </c>
    </row>
    <row r="875" spans="1:2" x14ac:dyDescent="0.25">
      <c r="A875" s="9">
        <v>41693</v>
      </c>
      <c r="B875" s="8">
        <v>0</v>
      </c>
    </row>
    <row r="876" spans="1:2" x14ac:dyDescent="0.25">
      <c r="A876" s="9">
        <v>41694</v>
      </c>
      <c r="B876" s="8">
        <v>22.3</v>
      </c>
    </row>
    <row r="877" spans="1:2" x14ac:dyDescent="0.25">
      <c r="A877" s="9">
        <v>41695</v>
      </c>
      <c r="B877" s="8">
        <v>0</v>
      </c>
    </row>
    <row r="878" spans="1:2" x14ac:dyDescent="0.25">
      <c r="A878" s="9">
        <v>41696</v>
      </c>
      <c r="B878" s="8">
        <v>0</v>
      </c>
    </row>
    <row r="879" spans="1:2" x14ac:dyDescent="0.25">
      <c r="A879" s="9">
        <v>41697</v>
      </c>
      <c r="B879" s="8">
        <v>0.6</v>
      </c>
    </row>
    <row r="880" spans="1:2" x14ac:dyDescent="0.25">
      <c r="A880" s="9">
        <v>41698</v>
      </c>
      <c r="B880" s="8">
        <v>0.7</v>
      </c>
    </row>
    <row r="881" spans="1:2" x14ac:dyDescent="0.25">
      <c r="A881" s="9">
        <v>41699</v>
      </c>
      <c r="B881" s="8">
        <v>0</v>
      </c>
    </row>
    <row r="882" spans="1:2" x14ac:dyDescent="0.25">
      <c r="A882" s="9">
        <v>41700</v>
      </c>
      <c r="B882" s="8">
        <v>0</v>
      </c>
    </row>
    <row r="883" spans="1:2" x14ac:dyDescent="0.25">
      <c r="A883" s="9">
        <v>41701</v>
      </c>
      <c r="B883" s="8">
        <v>3.9</v>
      </c>
    </row>
    <row r="884" spans="1:2" x14ac:dyDescent="0.25">
      <c r="A884" s="9">
        <v>41702</v>
      </c>
      <c r="B884" s="8">
        <v>0</v>
      </c>
    </row>
    <row r="885" spans="1:2" x14ac:dyDescent="0.25">
      <c r="A885" s="9">
        <v>41703</v>
      </c>
      <c r="B885" s="8">
        <v>0</v>
      </c>
    </row>
    <row r="886" spans="1:2" x14ac:dyDescent="0.25">
      <c r="A886" s="9">
        <v>41704</v>
      </c>
      <c r="B886" s="8">
        <v>0</v>
      </c>
    </row>
    <row r="887" spans="1:2" x14ac:dyDescent="0.25">
      <c r="A887" s="9">
        <v>41705</v>
      </c>
      <c r="B887" s="8">
        <v>0</v>
      </c>
    </row>
    <row r="888" spans="1:2" x14ac:dyDescent="0.25">
      <c r="A888" s="9">
        <v>41706</v>
      </c>
      <c r="B888" s="8">
        <v>0</v>
      </c>
    </row>
    <row r="889" spans="1:2" x14ac:dyDescent="0.25">
      <c r="A889" s="9">
        <v>41707</v>
      </c>
      <c r="B889" s="8">
        <v>0</v>
      </c>
    </row>
    <row r="890" spans="1:2" x14ac:dyDescent="0.25">
      <c r="A890" s="9">
        <v>41708</v>
      </c>
      <c r="B890" s="8">
        <v>0</v>
      </c>
    </row>
    <row r="891" spans="1:2" x14ac:dyDescent="0.25">
      <c r="A891" s="9">
        <v>41709</v>
      </c>
      <c r="B891" s="8">
        <v>0</v>
      </c>
    </row>
    <row r="892" spans="1:2" x14ac:dyDescent="0.25">
      <c r="A892" s="9">
        <v>41710</v>
      </c>
      <c r="B892" s="8">
        <v>0</v>
      </c>
    </row>
    <row r="893" spans="1:2" x14ac:dyDescent="0.25">
      <c r="A893" s="9">
        <v>41711</v>
      </c>
      <c r="B893" s="8">
        <v>0</v>
      </c>
    </row>
    <row r="894" spans="1:2" x14ac:dyDescent="0.25">
      <c r="A894" s="9">
        <v>41712</v>
      </c>
      <c r="B894" s="8">
        <v>0</v>
      </c>
    </row>
    <row r="895" spans="1:2" x14ac:dyDescent="0.25">
      <c r="A895" s="9">
        <v>41713</v>
      </c>
      <c r="B895" s="8">
        <v>0</v>
      </c>
    </row>
    <row r="896" spans="1:2" x14ac:dyDescent="0.25">
      <c r="A896" s="9">
        <v>41714</v>
      </c>
      <c r="B896" s="8">
        <v>0</v>
      </c>
    </row>
    <row r="897" spans="1:2" x14ac:dyDescent="0.25">
      <c r="A897" s="9">
        <v>41715</v>
      </c>
      <c r="B897" s="8">
        <v>0</v>
      </c>
    </row>
    <row r="898" spans="1:2" x14ac:dyDescent="0.25">
      <c r="A898" s="9">
        <v>41716</v>
      </c>
      <c r="B898" s="8">
        <v>0</v>
      </c>
    </row>
    <row r="899" spans="1:2" x14ac:dyDescent="0.25">
      <c r="A899" s="9">
        <v>41717</v>
      </c>
      <c r="B899" s="8">
        <v>0</v>
      </c>
    </row>
    <row r="900" spans="1:2" x14ac:dyDescent="0.25">
      <c r="A900" s="9">
        <v>41718</v>
      </c>
      <c r="B900" s="8">
        <v>0</v>
      </c>
    </row>
    <row r="901" spans="1:2" x14ac:dyDescent="0.25">
      <c r="A901" s="9">
        <v>41719</v>
      </c>
      <c r="B901" s="8">
        <v>0</v>
      </c>
    </row>
    <row r="902" spans="1:2" x14ac:dyDescent="0.25">
      <c r="A902" s="9">
        <v>41720</v>
      </c>
      <c r="B902" s="8">
        <v>0</v>
      </c>
    </row>
    <row r="903" spans="1:2" x14ac:dyDescent="0.25">
      <c r="A903" s="9">
        <v>41721</v>
      </c>
      <c r="B903" s="8">
        <v>0</v>
      </c>
    </row>
    <row r="904" spans="1:2" x14ac:dyDescent="0.25">
      <c r="A904" s="9">
        <v>41722</v>
      </c>
      <c r="B904" s="8">
        <v>18.8</v>
      </c>
    </row>
    <row r="905" spans="1:2" x14ac:dyDescent="0.25">
      <c r="A905" s="9">
        <v>41723</v>
      </c>
      <c r="B905" s="8">
        <v>5.6</v>
      </c>
    </row>
    <row r="906" spans="1:2" x14ac:dyDescent="0.25">
      <c r="A906" s="9">
        <v>41724</v>
      </c>
      <c r="B906" s="8">
        <v>3.2</v>
      </c>
    </row>
    <row r="907" spans="1:2" x14ac:dyDescent="0.25">
      <c r="A907" s="9">
        <v>41725</v>
      </c>
      <c r="B907" s="8">
        <v>0.2</v>
      </c>
    </row>
    <row r="908" spans="1:2" x14ac:dyDescent="0.25">
      <c r="A908" s="9">
        <v>41726</v>
      </c>
      <c r="B908" s="8">
        <v>0.4</v>
      </c>
    </row>
    <row r="909" spans="1:2" x14ac:dyDescent="0.25">
      <c r="A909" s="9">
        <v>41727</v>
      </c>
      <c r="B909" s="8">
        <v>0</v>
      </c>
    </row>
    <row r="910" spans="1:2" x14ac:dyDescent="0.25">
      <c r="A910" s="9">
        <v>41728</v>
      </c>
      <c r="B910" s="8">
        <v>0</v>
      </c>
    </row>
    <row r="911" spans="1:2" x14ac:dyDescent="0.25">
      <c r="A911" s="9">
        <v>41729</v>
      </c>
      <c r="B911" s="8">
        <v>0</v>
      </c>
    </row>
    <row r="912" spans="1:2" x14ac:dyDescent="0.25">
      <c r="A912" s="9">
        <v>41730</v>
      </c>
      <c r="B912" s="8">
        <v>0</v>
      </c>
    </row>
    <row r="913" spans="1:2" x14ac:dyDescent="0.25">
      <c r="A913" s="9">
        <v>41731</v>
      </c>
      <c r="B913" s="8">
        <v>0</v>
      </c>
    </row>
    <row r="914" spans="1:2" x14ac:dyDescent="0.25">
      <c r="A914" s="9">
        <v>41732</v>
      </c>
      <c r="B914" s="8">
        <v>0</v>
      </c>
    </row>
    <row r="915" spans="1:2" x14ac:dyDescent="0.25">
      <c r="A915" s="9">
        <v>41733</v>
      </c>
      <c r="B915" s="8">
        <v>0</v>
      </c>
    </row>
    <row r="916" spans="1:2" x14ac:dyDescent="0.25">
      <c r="A916" s="9">
        <v>41734</v>
      </c>
      <c r="B916" s="8">
        <v>0</v>
      </c>
    </row>
    <row r="917" spans="1:2" x14ac:dyDescent="0.25">
      <c r="A917" s="9">
        <v>41735</v>
      </c>
      <c r="B917" s="8">
        <v>0</v>
      </c>
    </row>
    <row r="918" spans="1:2" x14ac:dyDescent="0.25">
      <c r="A918" s="9">
        <v>41736</v>
      </c>
      <c r="B918" s="8">
        <v>17.8</v>
      </c>
    </row>
    <row r="919" spans="1:2" x14ac:dyDescent="0.25">
      <c r="A919" s="9">
        <v>41737</v>
      </c>
      <c r="B919" s="8">
        <v>0</v>
      </c>
    </row>
    <row r="920" spans="1:2" x14ac:dyDescent="0.25">
      <c r="A920" s="9">
        <v>41738</v>
      </c>
      <c r="B920" s="8">
        <v>6.3</v>
      </c>
    </row>
    <row r="921" spans="1:2" x14ac:dyDescent="0.25">
      <c r="A921" s="9">
        <v>41739</v>
      </c>
      <c r="B921" s="8">
        <v>0</v>
      </c>
    </row>
    <row r="922" spans="1:2" x14ac:dyDescent="0.25">
      <c r="A922" s="9">
        <v>41740</v>
      </c>
      <c r="B922" s="8">
        <v>0</v>
      </c>
    </row>
    <row r="923" spans="1:2" x14ac:dyDescent="0.25">
      <c r="A923" s="9">
        <v>41741</v>
      </c>
      <c r="B923" s="8">
        <v>0</v>
      </c>
    </row>
    <row r="924" spans="1:2" x14ac:dyDescent="0.25">
      <c r="A924" s="9">
        <v>41742</v>
      </c>
      <c r="B924" s="8">
        <v>0</v>
      </c>
    </row>
    <row r="925" spans="1:2" x14ac:dyDescent="0.25">
      <c r="A925" s="9">
        <v>41743</v>
      </c>
      <c r="B925" s="8">
        <v>3.5</v>
      </c>
    </row>
    <row r="926" spans="1:2" x14ac:dyDescent="0.25">
      <c r="A926" s="9">
        <v>41744</v>
      </c>
      <c r="B926" s="8">
        <v>1.2</v>
      </c>
    </row>
    <row r="927" spans="1:2" x14ac:dyDescent="0.25">
      <c r="A927" s="9">
        <v>41745</v>
      </c>
      <c r="B927" s="8">
        <v>0</v>
      </c>
    </row>
    <row r="928" spans="1:2" x14ac:dyDescent="0.25">
      <c r="A928" s="9">
        <v>41746</v>
      </c>
      <c r="B928" s="8">
        <v>0</v>
      </c>
    </row>
    <row r="929" spans="1:2" x14ac:dyDescent="0.25">
      <c r="A929" s="9">
        <v>41747</v>
      </c>
      <c r="B929" s="8">
        <v>0</v>
      </c>
    </row>
    <row r="930" spans="1:2" x14ac:dyDescent="0.25">
      <c r="A930" s="9">
        <v>41748</v>
      </c>
      <c r="B930" s="8">
        <v>0</v>
      </c>
    </row>
    <row r="931" spans="1:2" x14ac:dyDescent="0.25">
      <c r="A931" s="9">
        <v>41749</v>
      </c>
      <c r="B931" s="8">
        <v>0</v>
      </c>
    </row>
    <row r="932" spans="1:2" x14ac:dyDescent="0.25">
      <c r="A932" s="9">
        <v>41750</v>
      </c>
      <c r="B932" s="8">
        <v>0</v>
      </c>
    </row>
    <row r="933" spans="1:2" x14ac:dyDescent="0.25">
      <c r="A933" s="9">
        <v>41751</v>
      </c>
      <c r="B933" s="8">
        <v>31.4</v>
      </c>
    </row>
    <row r="934" spans="1:2" x14ac:dyDescent="0.25">
      <c r="A934" s="9">
        <v>41752</v>
      </c>
      <c r="B934" s="8">
        <v>1.4</v>
      </c>
    </row>
    <row r="935" spans="1:2" x14ac:dyDescent="0.25">
      <c r="A935" s="9">
        <v>41753</v>
      </c>
      <c r="B935" s="8">
        <v>0.2</v>
      </c>
    </row>
    <row r="936" spans="1:2" x14ac:dyDescent="0.25">
      <c r="A936" s="9">
        <v>41754</v>
      </c>
      <c r="B936" s="8">
        <v>0.5</v>
      </c>
    </row>
    <row r="937" spans="1:2" x14ac:dyDescent="0.25">
      <c r="A937" s="9">
        <v>41755</v>
      </c>
      <c r="B937" s="8">
        <v>0</v>
      </c>
    </row>
    <row r="938" spans="1:2" x14ac:dyDescent="0.25">
      <c r="A938" s="9">
        <v>41756</v>
      </c>
      <c r="B938" s="8">
        <v>0</v>
      </c>
    </row>
    <row r="939" spans="1:2" x14ac:dyDescent="0.25">
      <c r="A939" s="9">
        <v>41757</v>
      </c>
      <c r="B939" s="8">
        <v>0</v>
      </c>
    </row>
    <row r="940" spans="1:2" x14ac:dyDescent="0.25">
      <c r="A940" s="9">
        <v>41758</v>
      </c>
      <c r="B940" s="8">
        <v>0</v>
      </c>
    </row>
    <row r="941" spans="1:2" x14ac:dyDescent="0.25">
      <c r="A941" s="9">
        <v>41759</v>
      </c>
      <c r="B941" s="8">
        <v>0</v>
      </c>
    </row>
    <row r="942" spans="1:2" x14ac:dyDescent="0.25">
      <c r="A942" s="9">
        <v>41760</v>
      </c>
      <c r="B942" s="8">
        <v>0</v>
      </c>
    </row>
    <row r="943" spans="1:2" x14ac:dyDescent="0.25">
      <c r="A943" s="9">
        <v>41761</v>
      </c>
      <c r="B943" s="8">
        <v>0</v>
      </c>
    </row>
    <row r="944" spans="1:2" x14ac:dyDescent="0.25">
      <c r="A944" s="9">
        <v>41762</v>
      </c>
      <c r="B944" s="8">
        <v>0</v>
      </c>
    </row>
    <row r="945" spans="1:2" x14ac:dyDescent="0.25">
      <c r="A945" s="9">
        <v>41763</v>
      </c>
      <c r="B945" s="8">
        <v>0</v>
      </c>
    </row>
    <row r="946" spans="1:2" x14ac:dyDescent="0.25">
      <c r="A946" s="9">
        <v>41764</v>
      </c>
      <c r="B946" s="8">
        <v>73.5</v>
      </c>
    </row>
    <row r="947" spans="1:2" x14ac:dyDescent="0.25">
      <c r="A947" s="9">
        <v>41765</v>
      </c>
      <c r="B947" s="8">
        <v>0</v>
      </c>
    </row>
    <row r="948" spans="1:2" x14ac:dyDescent="0.25">
      <c r="A948" s="9">
        <v>41766</v>
      </c>
      <c r="B948" s="8">
        <v>0</v>
      </c>
    </row>
    <row r="949" spans="1:2" x14ac:dyDescent="0.25">
      <c r="A949" s="9">
        <v>41767</v>
      </c>
      <c r="B949" s="8">
        <v>4.3</v>
      </c>
    </row>
    <row r="950" spans="1:2" x14ac:dyDescent="0.25">
      <c r="A950" s="9">
        <v>41768</v>
      </c>
      <c r="B950" s="8">
        <v>0</v>
      </c>
    </row>
    <row r="951" spans="1:2" x14ac:dyDescent="0.25">
      <c r="A951" s="9">
        <v>41769</v>
      </c>
      <c r="B951" s="8">
        <v>0</v>
      </c>
    </row>
    <row r="952" spans="1:2" x14ac:dyDescent="0.25">
      <c r="A952" s="9">
        <v>41770</v>
      </c>
      <c r="B952" s="8">
        <v>0</v>
      </c>
    </row>
    <row r="953" spans="1:2" x14ac:dyDescent="0.25">
      <c r="A953" s="9">
        <v>41771</v>
      </c>
      <c r="B953" s="8">
        <v>0</v>
      </c>
    </row>
    <row r="954" spans="1:2" x14ac:dyDescent="0.25">
      <c r="A954" s="9">
        <v>41772</v>
      </c>
      <c r="B954" s="8">
        <v>41.7</v>
      </c>
    </row>
    <row r="955" spans="1:2" x14ac:dyDescent="0.25">
      <c r="A955" s="9">
        <v>41773</v>
      </c>
      <c r="B955" s="8">
        <v>11.9</v>
      </c>
    </row>
    <row r="956" spans="1:2" x14ac:dyDescent="0.25">
      <c r="A956" s="9">
        <v>41774</v>
      </c>
      <c r="B956" s="8">
        <v>0</v>
      </c>
    </row>
    <row r="957" spans="1:2" x14ac:dyDescent="0.25">
      <c r="A957" s="9">
        <v>41775</v>
      </c>
      <c r="B957" s="8">
        <v>0</v>
      </c>
    </row>
    <row r="958" spans="1:2" x14ac:dyDescent="0.25">
      <c r="A958" s="9">
        <v>41776</v>
      </c>
      <c r="B958" s="8">
        <v>0</v>
      </c>
    </row>
    <row r="959" spans="1:2" x14ac:dyDescent="0.25">
      <c r="A959" s="9">
        <v>41777</v>
      </c>
      <c r="B959" s="8">
        <v>0</v>
      </c>
    </row>
    <row r="960" spans="1:2" x14ac:dyDescent="0.25">
      <c r="A960" s="9">
        <v>41778</v>
      </c>
      <c r="B960" s="8">
        <v>3.6</v>
      </c>
    </row>
    <row r="961" spans="1:2" x14ac:dyDescent="0.25">
      <c r="A961" s="9">
        <v>41779</v>
      </c>
      <c r="B961" s="8">
        <v>0</v>
      </c>
    </row>
    <row r="962" spans="1:2" x14ac:dyDescent="0.25">
      <c r="A962" s="9">
        <v>41780</v>
      </c>
      <c r="B962" s="8">
        <v>0</v>
      </c>
    </row>
    <row r="963" spans="1:2" x14ac:dyDescent="0.25">
      <c r="A963" s="9">
        <v>41781</v>
      </c>
      <c r="B963" s="8">
        <v>0</v>
      </c>
    </row>
    <row r="964" spans="1:2" x14ac:dyDescent="0.25">
      <c r="A964" s="9">
        <v>41782</v>
      </c>
      <c r="B964" s="8">
        <v>0</v>
      </c>
    </row>
    <row r="965" spans="1:2" x14ac:dyDescent="0.25">
      <c r="A965" s="9">
        <v>41783</v>
      </c>
      <c r="B965" s="8">
        <v>0</v>
      </c>
    </row>
    <row r="966" spans="1:2" x14ac:dyDescent="0.25">
      <c r="A966" s="9">
        <v>41784</v>
      </c>
      <c r="B966" s="8">
        <v>0</v>
      </c>
    </row>
    <row r="967" spans="1:2" x14ac:dyDescent="0.25">
      <c r="A967" s="9">
        <v>41785</v>
      </c>
      <c r="B967" s="8">
        <v>0</v>
      </c>
    </row>
    <row r="968" spans="1:2" x14ac:dyDescent="0.25">
      <c r="A968" s="9">
        <v>41786</v>
      </c>
      <c r="B968" s="8">
        <v>9.1</v>
      </c>
    </row>
    <row r="969" spans="1:2" x14ac:dyDescent="0.25">
      <c r="A969" s="9">
        <v>41787</v>
      </c>
      <c r="B969" s="8">
        <v>0</v>
      </c>
    </row>
    <row r="970" spans="1:2" x14ac:dyDescent="0.25">
      <c r="A970" s="9">
        <v>41788</v>
      </c>
      <c r="B970" s="8">
        <v>16.8</v>
      </c>
    </row>
    <row r="971" spans="1:2" x14ac:dyDescent="0.25">
      <c r="A971" s="9">
        <v>41789</v>
      </c>
      <c r="B971" s="8">
        <v>7.5</v>
      </c>
    </row>
    <row r="972" spans="1:2" x14ac:dyDescent="0.25">
      <c r="A972" s="9">
        <v>41790</v>
      </c>
      <c r="B972" s="8">
        <v>0</v>
      </c>
    </row>
    <row r="973" spans="1:2" x14ac:dyDescent="0.25">
      <c r="A973" s="9">
        <v>41791</v>
      </c>
      <c r="B973" s="8">
        <v>0</v>
      </c>
    </row>
    <row r="974" spans="1:2" x14ac:dyDescent="0.25">
      <c r="A974" s="9">
        <v>41792</v>
      </c>
      <c r="B974" s="8">
        <v>0.6</v>
      </c>
    </row>
    <row r="975" spans="1:2" x14ac:dyDescent="0.25">
      <c r="A975" s="9">
        <v>41793</v>
      </c>
      <c r="B975" s="8">
        <v>0</v>
      </c>
    </row>
    <row r="976" spans="1:2" x14ac:dyDescent="0.25">
      <c r="A976" s="9">
        <v>41794</v>
      </c>
      <c r="B976" s="8">
        <v>9.6</v>
      </c>
    </row>
    <row r="977" spans="1:2" x14ac:dyDescent="0.25">
      <c r="A977" s="9">
        <v>41795</v>
      </c>
      <c r="B977" s="8">
        <v>1.7</v>
      </c>
    </row>
    <row r="978" spans="1:2" x14ac:dyDescent="0.25">
      <c r="A978" s="9">
        <v>41796</v>
      </c>
      <c r="B978" s="8">
        <v>0.3</v>
      </c>
    </row>
    <row r="979" spans="1:2" x14ac:dyDescent="0.25">
      <c r="A979" s="9">
        <v>41797</v>
      </c>
      <c r="B979" s="8">
        <v>0</v>
      </c>
    </row>
    <row r="980" spans="1:2" x14ac:dyDescent="0.25">
      <c r="A980" s="9">
        <v>41798</v>
      </c>
      <c r="B980" s="8">
        <v>0</v>
      </c>
    </row>
    <row r="981" spans="1:2" x14ac:dyDescent="0.25">
      <c r="A981" s="9">
        <v>41799</v>
      </c>
      <c r="B981" s="8">
        <v>0</v>
      </c>
    </row>
    <row r="982" spans="1:2" x14ac:dyDescent="0.25">
      <c r="A982" s="9">
        <v>41800</v>
      </c>
      <c r="B982" s="8">
        <v>0</v>
      </c>
    </row>
    <row r="983" spans="1:2" x14ac:dyDescent="0.25">
      <c r="A983" s="9">
        <v>41801</v>
      </c>
      <c r="B983" s="8">
        <v>0</v>
      </c>
    </row>
    <row r="984" spans="1:2" x14ac:dyDescent="0.25">
      <c r="A984" s="9">
        <v>41802</v>
      </c>
      <c r="B984" s="8">
        <v>0</v>
      </c>
    </row>
    <row r="985" spans="1:2" x14ac:dyDescent="0.25">
      <c r="A985" s="9">
        <v>41803</v>
      </c>
      <c r="B985" s="8">
        <v>2.1</v>
      </c>
    </row>
    <row r="986" spans="1:2" x14ac:dyDescent="0.25">
      <c r="A986" s="9">
        <v>41804</v>
      </c>
      <c r="B986" s="8">
        <v>0</v>
      </c>
    </row>
    <row r="987" spans="1:2" x14ac:dyDescent="0.25">
      <c r="A987" s="9">
        <v>41805</v>
      </c>
      <c r="B987" s="8">
        <v>0</v>
      </c>
    </row>
    <row r="988" spans="1:2" x14ac:dyDescent="0.25">
      <c r="A988" s="9">
        <v>41806</v>
      </c>
      <c r="B988" s="8">
        <v>10.3</v>
      </c>
    </row>
    <row r="989" spans="1:2" x14ac:dyDescent="0.25">
      <c r="A989" s="9">
        <v>41807</v>
      </c>
      <c r="B989" s="8">
        <v>0</v>
      </c>
    </row>
    <row r="990" spans="1:2" x14ac:dyDescent="0.25">
      <c r="A990" s="9">
        <v>41808</v>
      </c>
      <c r="B990" s="8">
        <v>0</v>
      </c>
    </row>
    <row r="991" spans="1:2" x14ac:dyDescent="0.25">
      <c r="A991" s="9">
        <v>41809</v>
      </c>
      <c r="B991" s="8">
        <v>0</v>
      </c>
    </row>
    <row r="992" spans="1:2" x14ac:dyDescent="0.25">
      <c r="A992" s="9">
        <v>41810</v>
      </c>
      <c r="B992" s="8">
        <v>0</v>
      </c>
    </row>
    <row r="993" spans="1:2" x14ac:dyDescent="0.25">
      <c r="A993" s="9">
        <v>41811</v>
      </c>
      <c r="B993" s="8">
        <v>0</v>
      </c>
    </row>
    <row r="994" spans="1:2" x14ac:dyDescent="0.25">
      <c r="A994" s="9">
        <v>41812</v>
      </c>
      <c r="B994" s="8">
        <v>0</v>
      </c>
    </row>
    <row r="995" spans="1:2" x14ac:dyDescent="0.25">
      <c r="A995" s="9">
        <v>41813</v>
      </c>
      <c r="B995" s="8">
        <v>4.0999999999999996</v>
      </c>
    </row>
    <row r="996" spans="1:2" x14ac:dyDescent="0.25">
      <c r="A996" s="9">
        <v>41814</v>
      </c>
      <c r="B996" s="8">
        <v>25.5</v>
      </c>
    </row>
    <row r="997" spans="1:2" x14ac:dyDescent="0.25">
      <c r="A997" s="9">
        <v>41815</v>
      </c>
      <c r="B997" s="8">
        <v>0</v>
      </c>
    </row>
    <row r="998" spans="1:2" x14ac:dyDescent="0.25">
      <c r="A998" s="9">
        <v>41816</v>
      </c>
      <c r="B998" s="8">
        <v>30.2</v>
      </c>
    </row>
    <row r="999" spans="1:2" x14ac:dyDescent="0.25">
      <c r="A999" s="9">
        <v>41817</v>
      </c>
      <c r="B999" s="8">
        <v>0</v>
      </c>
    </row>
    <row r="1000" spans="1:2" x14ac:dyDescent="0.25">
      <c r="A1000" s="9">
        <v>41818</v>
      </c>
      <c r="B1000" s="8">
        <v>0</v>
      </c>
    </row>
    <row r="1001" spans="1:2" x14ac:dyDescent="0.25">
      <c r="A1001" s="9">
        <v>41819</v>
      </c>
      <c r="B1001" s="8">
        <v>0</v>
      </c>
    </row>
    <row r="1002" spans="1:2" x14ac:dyDescent="0.25">
      <c r="A1002" s="9">
        <v>41820</v>
      </c>
      <c r="B1002" s="8">
        <v>55.1</v>
      </c>
    </row>
    <row r="1003" spans="1:2" x14ac:dyDescent="0.25">
      <c r="A1003" s="9">
        <v>41821</v>
      </c>
      <c r="B1003" s="8">
        <v>1.8</v>
      </c>
    </row>
    <row r="1004" spans="1:2" x14ac:dyDescent="0.25">
      <c r="A1004" s="9">
        <v>41822</v>
      </c>
      <c r="B1004" s="8">
        <v>0</v>
      </c>
    </row>
    <row r="1005" spans="1:2" x14ac:dyDescent="0.25">
      <c r="A1005" s="9">
        <v>41823</v>
      </c>
      <c r="B1005" s="8">
        <v>5.9</v>
      </c>
    </row>
    <row r="1006" spans="1:2" x14ac:dyDescent="0.25">
      <c r="A1006" s="9">
        <v>41824</v>
      </c>
      <c r="B1006" s="8">
        <v>0</v>
      </c>
    </row>
    <row r="1007" spans="1:2" x14ac:dyDescent="0.25">
      <c r="A1007" s="9">
        <v>41825</v>
      </c>
      <c r="B1007" s="8">
        <v>0</v>
      </c>
    </row>
    <row r="1008" spans="1:2" x14ac:dyDescent="0.25">
      <c r="A1008" s="9">
        <v>41826</v>
      </c>
      <c r="B1008" s="8">
        <v>0</v>
      </c>
    </row>
    <row r="1009" spans="1:2" x14ac:dyDescent="0.25">
      <c r="A1009" s="9">
        <v>41827</v>
      </c>
      <c r="B1009" s="8">
        <v>0</v>
      </c>
    </row>
    <row r="1010" spans="1:2" x14ac:dyDescent="0.25">
      <c r="A1010" s="9">
        <v>41828</v>
      </c>
      <c r="B1010" s="8">
        <v>5.0999999999999996</v>
      </c>
    </row>
    <row r="1011" spans="1:2" x14ac:dyDescent="0.25">
      <c r="A1011" s="9">
        <v>41829</v>
      </c>
      <c r="B1011" s="8">
        <v>15.4</v>
      </c>
    </row>
    <row r="1012" spans="1:2" x14ac:dyDescent="0.25">
      <c r="A1012" s="9">
        <v>41830</v>
      </c>
      <c r="B1012" s="8">
        <v>8.6999999999999993</v>
      </c>
    </row>
    <row r="1013" spans="1:2" x14ac:dyDescent="0.25">
      <c r="A1013" s="9">
        <v>41831</v>
      </c>
      <c r="B1013" s="8">
        <v>9.1999999999999993</v>
      </c>
    </row>
    <row r="1014" spans="1:2" x14ac:dyDescent="0.25">
      <c r="A1014" s="9">
        <v>41832</v>
      </c>
      <c r="B1014" s="8">
        <v>0</v>
      </c>
    </row>
    <row r="1015" spans="1:2" x14ac:dyDescent="0.25">
      <c r="A1015" s="9">
        <v>41833</v>
      </c>
      <c r="B1015" s="8">
        <v>0</v>
      </c>
    </row>
    <row r="1016" spans="1:2" x14ac:dyDescent="0.25">
      <c r="A1016" s="9">
        <v>41834</v>
      </c>
      <c r="B1016" s="8">
        <v>1.7</v>
      </c>
    </row>
    <row r="1017" spans="1:2" x14ac:dyDescent="0.25">
      <c r="A1017" s="9">
        <v>41835</v>
      </c>
      <c r="B1017" s="8">
        <v>1.6</v>
      </c>
    </row>
    <row r="1018" spans="1:2" x14ac:dyDescent="0.25">
      <c r="A1018" s="9">
        <v>41836</v>
      </c>
      <c r="B1018" s="8">
        <v>0</v>
      </c>
    </row>
    <row r="1019" spans="1:2" x14ac:dyDescent="0.25">
      <c r="A1019" s="9">
        <v>41837</v>
      </c>
      <c r="B1019" s="8">
        <v>2.4</v>
      </c>
    </row>
    <row r="1020" spans="1:2" x14ac:dyDescent="0.25">
      <c r="A1020" s="9">
        <v>41838</v>
      </c>
      <c r="B1020" s="8">
        <v>0.1</v>
      </c>
    </row>
    <row r="1021" spans="1:2" x14ac:dyDescent="0.25">
      <c r="A1021" s="9">
        <v>41839</v>
      </c>
      <c r="B1021" s="8">
        <v>0</v>
      </c>
    </row>
    <row r="1022" spans="1:2" x14ac:dyDescent="0.25">
      <c r="A1022" s="9">
        <v>41840</v>
      </c>
      <c r="B1022" s="8">
        <v>0</v>
      </c>
    </row>
    <row r="1023" spans="1:2" x14ac:dyDescent="0.25">
      <c r="A1023" s="9">
        <v>41841</v>
      </c>
      <c r="B1023" s="8">
        <v>0</v>
      </c>
    </row>
    <row r="1024" spans="1:2" x14ac:dyDescent="0.25">
      <c r="A1024" s="9">
        <v>41842</v>
      </c>
      <c r="B1024" s="8">
        <v>12.4</v>
      </c>
    </row>
    <row r="1025" spans="1:2" x14ac:dyDescent="0.25">
      <c r="A1025" s="9">
        <v>41843</v>
      </c>
      <c r="B1025" s="8">
        <v>15.8</v>
      </c>
    </row>
    <row r="1026" spans="1:2" x14ac:dyDescent="0.25">
      <c r="A1026" s="9">
        <v>41844</v>
      </c>
      <c r="B1026" s="8">
        <v>0.9</v>
      </c>
    </row>
    <row r="1027" spans="1:2" x14ac:dyDescent="0.25">
      <c r="A1027" s="9">
        <v>41845</v>
      </c>
      <c r="B1027" s="8">
        <v>0.1</v>
      </c>
    </row>
    <row r="1028" spans="1:2" x14ac:dyDescent="0.25">
      <c r="A1028" s="9">
        <v>41846</v>
      </c>
      <c r="B1028" s="8">
        <v>0</v>
      </c>
    </row>
    <row r="1029" spans="1:2" x14ac:dyDescent="0.25">
      <c r="A1029" s="9">
        <v>41847</v>
      </c>
      <c r="B1029" s="8">
        <v>0</v>
      </c>
    </row>
    <row r="1030" spans="1:2" x14ac:dyDescent="0.25">
      <c r="A1030" s="9">
        <v>41848</v>
      </c>
      <c r="B1030" s="8">
        <v>12.3</v>
      </c>
    </row>
    <row r="1031" spans="1:2" x14ac:dyDescent="0.25">
      <c r="A1031" s="9">
        <v>41849</v>
      </c>
      <c r="B1031" s="8">
        <v>0.5</v>
      </c>
    </row>
    <row r="1032" spans="1:2" x14ac:dyDescent="0.25">
      <c r="A1032" s="9">
        <v>41850</v>
      </c>
      <c r="B1032" s="8">
        <v>16.5</v>
      </c>
    </row>
    <row r="1033" spans="1:2" x14ac:dyDescent="0.25">
      <c r="A1033" s="9">
        <v>41851</v>
      </c>
      <c r="B1033" s="8">
        <v>4.2</v>
      </c>
    </row>
    <row r="1034" spans="1:2" x14ac:dyDescent="0.25">
      <c r="A1034" s="9">
        <v>41852</v>
      </c>
      <c r="B1034" s="8">
        <v>2.2999999999999998</v>
      </c>
    </row>
    <row r="1035" spans="1:2" x14ac:dyDescent="0.25">
      <c r="A1035" s="9">
        <v>41853</v>
      </c>
      <c r="B1035" s="8">
        <v>0</v>
      </c>
    </row>
    <row r="1036" spans="1:2" x14ac:dyDescent="0.25">
      <c r="A1036" s="9">
        <v>41854</v>
      </c>
      <c r="B1036" s="8">
        <v>0</v>
      </c>
    </row>
    <row r="1037" spans="1:2" x14ac:dyDescent="0.25">
      <c r="A1037" s="9">
        <v>41855</v>
      </c>
      <c r="B1037" s="8">
        <v>0.4</v>
      </c>
    </row>
    <row r="1038" spans="1:2" x14ac:dyDescent="0.25">
      <c r="A1038" s="9">
        <v>41856</v>
      </c>
      <c r="B1038" s="8">
        <v>56.1</v>
      </c>
    </row>
    <row r="1039" spans="1:2" x14ac:dyDescent="0.25">
      <c r="A1039" s="9">
        <v>41857</v>
      </c>
      <c r="B1039" s="8">
        <v>3.5</v>
      </c>
    </row>
    <row r="1040" spans="1:2" x14ac:dyDescent="0.25">
      <c r="A1040" s="9">
        <v>41858</v>
      </c>
      <c r="B1040" s="8">
        <v>0</v>
      </c>
    </row>
    <row r="1041" spans="1:2" x14ac:dyDescent="0.25">
      <c r="A1041" s="9">
        <v>41859</v>
      </c>
      <c r="B1041" s="8">
        <v>0</v>
      </c>
    </row>
    <row r="1042" spans="1:2" x14ac:dyDescent="0.25">
      <c r="A1042" s="9">
        <v>41860</v>
      </c>
      <c r="B1042" s="8">
        <v>0</v>
      </c>
    </row>
    <row r="1043" spans="1:2" x14ac:dyDescent="0.25">
      <c r="A1043" s="9">
        <v>41861</v>
      </c>
      <c r="B1043" s="8">
        <v>0</v>
      </c>
    </row>
    <row r="1044" spans="1:2" x14ac:dyDescent="0.25">
      <c r="A1044" s="9">
        <v>41862</v>
      </c>
      <c r="B1044" s="8">
        <v>0</v>
      </c>
    </row>
    <row r="1045" spans="1:2" x14ac:dyDescent="0.25">
      <c r="A1045" s="9">
        <v>41863</v>
      </c>
      <c r="B1045" s="8">
        <v>0</v>
      </c>
    </row>
    <row r="1046" spans="1:2" x14ac:dyDescent="0.25">
      <c r="A1046" s="9">
        <v>41864</v>
      </c>
      <c r="B1046" s="8">
        <v>3.8</v>
      </c>
    </row>
    <row r="1047" spans="1:2" x14ac:dyDescent="0.25">
      <c r="A1047" s="9">
        <v>41865</v>
      </c>
      <c r="B1047" s="8">
        <v>23.3</v>
      </c>
    </row>
    <row r="1048" spans="1:2" x14ac:dyDescent="0.25">
      <c r="A1048" s="9">
        <v>41866</v>
      </c>
      <c r="B1048" s="8">
        <v>0</v>
      </c>
    </row>
    <row r="1049" spans="1:2" x14ac:dyDescent="0.25">
      <c r="A1049" s="9">
        <v>41867</v>
      </c>
      <c r="B1049" s="8">
        <v>0</v>
      </c>
    </row>
    <row r="1050" spans="1:2" x14ac:dyDescent="0.25">
      <c r="A1050" s="9">
        <v>41868</v>
      </c>
      <c r="B1050" s="8">
        <v>0</v>
      </c>
    </row>
    <row r="1051" spans="1:2" x14ac:dyDescent="0.25">
      <c r="A1051" s="9">
        <v>41869</v>
      </c>
      <c r="B1051" s="8">
        <v>30.9</v>
      </c>
    </row>
    <row r="1052" spans="1:2" x14ac:dyDescent="0.25">
      <c r="A1052" s="9">
        <v>41870</v>
      </c>
      <c r="B1052" s="8">
        <v>0</v>
      </c>
    </row>
    <row r="1053" spans="1:2" x14ac:dyDescent="0.25">
      <c r="A1053" s="9">
        <v>41871</v>
      </c>
      <c r="B1053" s="8">
        <v>0</v>
      </c>
    </row>
    <row r="1054" spans="1:2" x14ac:dyDescent="0.25">
      <c r="A1054" s="9">
        <v>41872</v>
      </c>
      <c r="B1054" s="8">
        <v>45.8</v>
      </c>
    </row>
    <row r="1055" spans="1:2" x14ac:dyDescent="0.25">
      <c r="A1055" s="9">
        <v>41873</v>
      </c>
      <c r="B1055" s="8">
        <v>0.4</v>
      </c>
    </row>
    <row r="1056" spans="1:2" x14ac:dyDescent="0.25">
      <c r="A1056" s="9">
        <v>41874</v>
      </c>
      <c r="B1056" s="8">
        <v>0.4</v>
      </c>
    </row>
    <row r="1057" spans="1:2" x14ac:dyDescent="0.25">
      <c r="A1057" s="9">
        <v>41875</v>
      </c>
      <c r="B1057" s="8">
        <v>0</v>
      </c>
    </row>
    <row r="1058" spans="1:2" x14ac:dyDescent="0.25">
      <c r="A1058" s="9">
        <v>41876</v>
      </c>
      <c r="B1058" s="8">
        <v>14.4</v>
      </c>
    </row>
    <row r="1059" spans="1:2" x14ac:dyDescent="0.25">
      <c r="A1059" s="9">
        <v>41877</v>
      </c>
      <c r="B1059" s="8">
        <v>0</v>
      </c>
    </row>
    <row r="1060" spans="1:2" x14ac:dyDescent="0.25">
      <c r="A1060" s="9">
        <v>41878</v>
      </c>
      <c r="B1060" s="8">
        <v>12.4</v>
      </c>
    </row>
    <row r="1061" spans="1:2" x14ac:dyDescent="0.25">
      <c r="A1061" s="9">
        <v>41879</v>
      </c>
      <c r="B1061" s="8">
        <v>13.6</v>
      </c>
    </row>
    <row r="1062" spans="1:2" x14ac:dyDescent="0.25">
      <c r="A1062" s="9">
        <v>41880</v>
      </c>
      <c r="B1062" s="8">
        <v>0</v>
      </c>
    </row>
    <row r="1063" spans="1:2" x14ac:dyDescent="0.25">
      <c r="A1063" s="9">
        <v>41881</v>
      </c>
      <c r="B1063" s="8">
        <v>0</v>
      </c>
    </row>
    <row r="1064" spans="1:2" x14ac:dyDescent="0.25">
      <c r="A1064" s="9">
        <v>41882</v>
      </c>
      <c r="B1064" s="8">
        <v>0</v>
      </c>
    </row>
    <row r="1065" spans="1:2" x14ac:dyDescent="0.25">
      <c r="A1065" s="9">
        <v>41883</v>
      </c>
      <c r="B1065" s="8">
        <v>33.799999999999997</v>
      </c>
    </row>
    <row r="1066" spans="1:2" x14ac:dyDescent="0.25">
      <c r="A1066" s="9">
        <v>41884</v>
      </c>
      <c r="B1066" s="8">
        <v>3</v>
      </c>
    </row>
    <row r="1067" spans="1:2" x14ac:dyDescent="0.25">
      <c r="A1067" s="9">
        <v>41885</v>
      </c>
      <c r="B1067" s="8">
        <v>22.1</v>
      </c>
    </row>
    <row r="1068" spans="1:2" x14ac:dyDescent="0.25">
      <c r="A1068" s="9">
        <v>41886</v>
      </c>
      <c r="B1068" s="8">
        <v>0.2</v>
      </c>
    </row>
    <row r="1069" spans="1:2" x14ac:dyDescent="0.25">
      <c r="A1069" s="9">
        <v>41887</v>
      </c>
      <c r="B1069" s="8">
        <v>3.1</v>
      </c>
    </row>
    <row r="1070" spans="1:2" x14ac:dyDescent="0.25">
      <c r="A1070" s="9">
        <v>41888</v>
      </c>
      <c r="B1070" s="8">
        <v>0</v>
      </c>
    </row>
    <row r="1071" spans="1:2" x14ac:dyDescent="0.25">
      <c r="A1071" s="9">
        <v>41889</v>
      </c>
      <c r="B1071" s="8">
        <v>0</v>
      </c>
    </row>
    <row r="1072" spans="1:2" x14ac:dyDescent="0.25">
      <c r="A1072" s="9">
        <v>41890</v>
      </c>
      <c r="B1072" s="8">
        <v>5.3</v>
      </c>
    </row>
    <row r="1073" spans="1:2" x14ac:dyDescent="0.25">
      <c r="A1073" s="9">
        <v>41891</v>
      </c>
      <c r="B1073" s="8">
        <v>0</v>
      </c>
    </row>
    <row r="1074" spans="1:2" x14ac:dyDescent="0.25">
      <c r="A1074" s="9">
        <v>41892</v>
      </c>
      <c r="B1074" s="8">
        <v>4.0999999999999996</v>
      </c>
    </row>
    <row r="1075" spans="1:2" x14ac:dyDescent="0.25">
      <c r="A1075" s="9">
        <v>41893</v>
      </c>
      <c r="B1075" s="8">
        <v>16.399999999999999</v>
      </c>
    </row>
    <row r="1076" spans="1:2" x14ac:dyDescent="0.25">
      <c r="A1076" s="9">
        <v>41894</v>
      </c>
      <c r="B1076" s="8">
        <v>12.8</v>
      </c>
    </row>
    <row r="1077" spans="1:2" x14ac:dyDescent="0.25">
      <c r="A1077" s="9">
        <v>41895</v>
      </c>
      <c r="B1077" s="8">
        <v>0</v>
      </c>
    </row>
    <row r="1078" spans="1:2" x14ac:dyDescent="0.25">
      <c r="A1078" s="9">
        <v>41896</v>
      </c>
      <c r="B1078" s="8">
        <v>0</v>
      </c>
    </row>
    <row r="1079" spans="1:2" x14ac:dyDescent="0.25">
      <c r="A1079" s="9">
        <v>41897</v>
      </c>
      <c r="B1079" s="8">
        <v>60</v>
      </c>
    </row>
    <row r="1080" spans="1:2" x14ac:dyDescent="0.25">
      <c r="A1080" s="9">
        <v>41898</v>
      </c>
      <c r="B1080" s="8">
        <v>0</v>
      </c>
    </row>
    <row r="1081" spans="1:2" x14ac:dyDescent="0.25">
      <c r="A1081" s="9">
        <v>41899</v>
      </c>
      <c r="B1081" s="8">
        <v>0</v>
      </c>
    </row>
    <row r="1082" spans="1:2" x14ac:dyDescent="0.25">
      <c r="A1082" s="9">
        <v>41900</v>
      </c>
      <c r="B1082" s="8">
        <v>0</v>
      </c>
    </row>
    <row r="1083" spans="1:2" x14ac:dyDescent="0.25">
      <c r="A1083" s="9">
        <v>41901</v>
      </c>
      <c r="B1083" s="8">
        <v>0</v>
      </c>
    </row>
    <row r="1084" spans="1:2" x14ac:dyDescent="0.25">
      <c r="A1084" s="9">
        <v>41902</v>
      </c>
      <c r="B1084" s="8">
        <v>0</v>
      </c>
    </row>
    <row r="1085" spans="1:2" x14ac:dyDescent="0.25">
      <c r="A1085" s="9">
        <v>41903</v>
      </c>
      <c r="B1085" s="8">
        <v>0</v>
      </c>
    </row>
    <row r="1086" spans="1:2" x14ac:dyDescent="0.25">
      <c r="A1086" s="9">
        <v>41904</v>
      </c>
      <c r="B1086" s="8">
        <v>3.8</v>
      </c>
    </row>
    <row r="1087" spans="1:2" x14ac:dyDescent="0.25">
      <c r="A1087" s="9">
        <v>41905</v>
      </c>
      <c r="B1087" s="8">
        <v>25.1</v>
      </c>
    </row>
    <row r="1088" spans="1:2" x14ac:dyDescent="0.25">
      <c r="A1088" s="9">
        <v>41906</v>
      </c>
      <c r="B1088" s="8">
        <v>0</v>
      </c>
    </row>
    <row r="1089" spans="1:2" x14ac:dyDescent="0.25">
      <c r="A1089" s="9">
        <v>41907</v>
      </c>
      <c r="B1089" s="8">
        <v>0</v>
      </c>
    </row>
    <row r="1090" spans="1:2" x14ac:dyDescent="0.25">
      <c r="A1090" s="9">
        <v>41908</v>
      </c>
      <c r="B1090" s="8">
        <v>5.6</v>
      </c>
    </row>
    <row r="1091" spans="1:2" x14ac:dyDescent="0.25">
      <c r="A1091" s="9">
        <v>41909</v>
      </c>
      <c r="B1091" s="8">
        <v>0</v>
      </c>
    </row>
    <row r="1092" spans="1:2" x14ac:dyDescent="0.25">
      <c r="A1092" s="9">
        <v>41910</v>
      </c>
      <c r="B1092" s="8">
        <v>0</v>
      </c>
    </row>
    <row r="1093" spans="1:2" x14ac:dyDescent="0.25">
      <c r="A1093" s="9">
        <v>41911</v>
      </c>
      <c r="B1093" s="8">
        <v>0</v>
      </c>
    </row>
    <row r="1094" spans="1:2" x14ac:dyDescent="0.25">
      <c r="A1094" s="9">
        <v>41912</v>
      </c>
      <c r="B1094" s="8">
        <v>0</v>
      </c>
    </row>
    <row r="1095" spans="1:2" x14ac:dyDescent="0.25">
      <c r="A1095" s="9">
        <v>41913</v>
      </c>
      <c r="B1095" s="8">
        <v>0</v>
      </c>
    </row>
    <row r="1096" spans="1:2" x14ac:dyDescent="0.25">
      <c r="A1096" s="9">
        <v>41914</v>
      </c>
      <c r="B1096" s="8">
        <v>1.5</v>
      </c>
    </row>
    <row r="1097" spans="1:2" x14ac:dyDescent="0.25">
      <c r="A1097" s="9">
        <v>41915</v>
      </c>
      <c r="B1097" s="8">
        <v>0</v>
      </c>
    </row>
    <row r="1098" spans="1:2" x14ac:dyDescent="0.25">
      <c r="A1098" s="9">
        <v>41916</v>
      </c>
      <c r="B1098" s="8">
        <v>0</v>
      </c>
    </row>
    <row r="1099" spans="1:2" x14ac:dyDescent="0.25">
      <c r="A1099" s="9">
        <v>41917</v>
      </c>
      <c r="B1099" s="8">
        <v>0</v>
      </c>
    </row>
    <row r="1100" spans="1:2" x14ac:dyDescent="0.25">
      <c r="A1100" s="9">
        <v>41918</v>
      </c>
      <c r="B1100" s="8">
        <v>0</v>
      </c>
    </row>
    <row r="1101" spans="1:2" x14ac:dyDescent="0.25">
      <c r="A1101" s="9">
        <v>41919</v>
      </c>
      <c r="B1101" s="8">
        <v>0.3</v>
      </c>
    </row>
    <row r="1102" spans="1:2" x14ac:dyDescent="0.25">
      <c r="A1102" s="9">
        <v>41920</v>
      </c>
      <c r="B1102" s="8">
        <v>0.2</v>
      </c>
    </row>
    <row r="1103" spans="1:2" x14ac:dyDescent="0.25">
      <c r="A1103" s="9">
        <v>41921</v>
      </c>
      <c r="B1103" s="8">
        <v>0</v>
      </c>
    </row>
    <row r="1104" spans="1:2" x14ac:dyDescent="0.25">
      <c r="A1104" s="9">
        <v>41922</v>
      </c>
      <c r="B1104" s="8">
        <v>0</v>
      </c>
    </row>
    <row r="1105" spans="1:2" x14ac:dyDescent="0.25">
      <c r="A1105" s="9">
        <v>41923</v>
      </c>
      <c r="B1105" s="8">
        <v>0</v>
      </c>
    </row>
    <row r="1106" spans="1:2" x14ac:dyDescent="0.25">
      <c r="A1106" s="9">
        <v>41924</v>
      </c>
      <c r="B1106" s="8">
        <v>0</v>
      </c>
    </row>
    <row r="1107" spans="1:2" x14ac:dyDescent="0.25">
      <c r="A1107" s="9">
        <v>41925</v>
      </c>
      <c r="B1107" s="8">
        <v>0</v>
      </c>
    </row>
    <row r="1108" spans="1:2" x14ac:dyDescent="0.25">
      <c r="A1108" s="9">
        <v>41926</v>
      </c>
      <c r="B1108" s="8">
        <v>1.2</v>
      </c>
    </row>
    <row r="1109" spans="1:2" x14ac:dyDescent="0.25">
      <c r="A1109" s="9">
        <v>41927</v>
      </c>
      <c r="B1109" s="8">
        <v>8.6999999999999993</v>
      </c>
    </row>
    <row r="1110" spans="1:2" x14ac:dyDescent="0.25">
      <c r="A1110" s="9">
        <v>41928</v>
      </c>
      <c r="B1110" s="8">
        <v>4</v>
      </c>
    </row>
    <row r="1111" spans="1:2" x14ac:dyDescent="0.25">
      <c r="A1111" s="9">
        <v>41929</v>
      </c>
      <c r="B1111" s="8">
        <v>2.2999999999999998</v>
      </c>
    </row>
    <row r="1112" spans="1:2" x14ac:dyDescent="0.25">
      <c r="A1112" s="9">
        <v>41930</v>
      </c>
      <c r="B1112" s="8">
        <v>0</v>
      </c>
    </row>
    <row r="1113" spans="1:2" x14ac:dyDescent="0.25">
      <c r="A1113" s="9">
        <v>41931</v>
      </c>
      <c r="B1113" s="8">
        <v>0</v>
      </c>
    </row>
    <row r="1114" spans="1:2" x14ac:dyDescent="0.25">
      <c r="A1114" s="9">
        <v>41932</v>
      </c>
      <c r="B1114" s="8">
        <v>2.2000000000000002</v>
      </c>
    </row>
    <row r="1115" spans="1:2" x14ac:dyDescent="0.25">
      <c r="A1115" s="6"/>
    </row>
    <row r="1116" spans="1:2" x14ac:dyDescent="0.25">
      <c r="A1116" s="6"/>
    </row>
    <row r="1117" spans="1:2" x14ac:dyDescent="0.25">
      <c r="A1117" s="6"/>
    </row>
    <row r="1118" spans="1:2" x14ac:dyDescent="0.25">
      <c r="A1118" s="6"/>
    </row>
    <row r="1119" spans="1:2" x14ac:dyDescent="0.25">
      <c r="A1119" s="6"/>
    </row>
    <row r="1120" spans="1:2" x14ac:dyDescent="0.25">
      <c r="A1120" s="6"/>
    </row>
    <row r="1121" spans="1:1" x14ac:dyDescent="0.25">
      <c r="A1121" s="6"/>
    </row>
    <row r="1122" spans="1:1" x14ac:dyDescent="0.25">
      <c r="A1122" s="6"/>
    </row>
    <row r="1123" spans="1:1" x14ac:dyDescent="0.25">
      <c r="A1123" s="6"/>
    </row>
    <row r="1124" spans="1:1" x14ac:dyDescent="0.25">
      <c r="A1124" s="6"/>
    </row>
    <row r="1125" spans="1:1" x14ac:dyDescent="0.25">
      <c r="A1125" s="6"/>
    </row>
    <row r="1126" spans="1:1" x14ac:dyDescent="0.25">
      <c r="A1126" s="6"/>
    </row>
    <row r="1127" spans="1:1" x14ac:dyDescent="0.25">
      <c r="A1127" s="6"/>
    </row>
    <row r="1128" spans="1:1" x14ac:dyDescent="0.25">
      <c r="A1128" s="6"/>
    </row>
    <row r="1129" spans="1:1" x14ac:dyDescent="0.25">
      <c r="A1129" s="6"/>
    </row>
    <row r="1130" spans="1:1" x14ac:dyDescent="0.25">
      <c r="A1130" s="6"/>
    </row>
    <row r="1131" spans="1:1" x14ac:dyDescent="0.25">
      <c r="A1131" s="6"/>
    </row>
    <row r="1132" spans="1:1" x14ac:dyDescent="0.25">
      <c r="A1132" s="6"/>
    </row>
    <row r="1133" spans="1:1" x14ac:dyDescent="0.25">
      <c r="A1133" s="6"/>
    </row>
    <row r="1134" spans="1:1" x14ac:dyDescent="0.25">
      <c r="A1134" s="6"/>
    </row>
    <row r="1135" spans="1:1" x14ac:dyDescent="0.25">
      <c r="A1135" s="6"/>
    </row>
    <row r="1136" spans="1:1" x14ac:dyDescent="0.25">
      <c r="A1136" s="6"/>
    </row>
    <row r="1137" spans="1:1" x14ac:dyDescent="0.25">
      <c r="A1137" s="6"/>
    </row>
    <row r="1138" spans="1:1" x14ac:dyDescent="0.25">
      <c r="A1138" s="6"/>
    </row>
    <row r="1139" spans="1:1" x14ac:dyDescent="0.25">
      <c r="A1139" s="6"/>
    </row>
    <row r="1140" spans="1:1" x14ac:dyDescent="0.25">
      <c r="A1140" s="6"/>
    </row>
    <row r="1141" spans="1:1" x14ac:dyDescent="0.25">
      <c r="A1141" s="6"/>
    </row>
    <row r="1142" spans="1:1" x14ac:dyDescent="0.25">
      <c r="A1142" s="6"/>
    </row>
    <row r="1143" spans="1:1" x14ac:dyDescent="0.25">
      <c r="A1143" s="6"/>
    </row>
    <row r="1144" spans="1:1" x14ac:dyDescent="0.25">
      <c r="A1144" s="6"/>
    </row>
    <row r="1145" spans="1:1" x14ac:dyDescent="0.25">
      <c r="A1145" s="6"/>
    </row>
    <row r="1146" spans="1:1" x14ac:dyDescent="0.25">
      <c r="A1146" s="6"/>
    </row>
    <row r="1147" spans="1:1" x14ac:dyDescent="0.25">
      <c r="A1147" s="6"/>
    </row>
    <row r="1148" spans="1:1" x14ac:dyDescent="0.25">
      <c r="A1148" s="6"/>
    </row>
    <row r="1149" spans="1:1" x14ac:dyDescent="0.25">
      <c r="A1149" s="6"/>
    </row>
    <row r="1150" spans="1:1" x14ac:dyDescent="0.25">
      <c r="A1150" s="6"/>
    </row>
    <row r="1151" spans="1:1" x14ac:dyDescent="0.25">
      <c r="A1151" s="6"/>
    </row>
    <row r="1152" spans="1:1" x14ac:dyDescent="0.25">
      <c r="A1152" s="6"/>
    </row>
    <row r="1153" spans="1:1" x14ac:dyDescent="0.25">
      <c r="A1153" s="6"/>
    </row>
    <row r="1154" spans="1:1" x14ac:dyDescent="0.25">
      <c r="A1154" s="6"/>
    </row>
    <row r="1155" spans="1:1" x14ac:dyDescent="0.25">
      <c r="A1155" s="6"/>
    </row>
    <row r="1156" spans="1:1" x14ac:dyDescent="0.25">
      <c r="A1156" s="6"/>
    </row>
    <row r="1157" spans="1:1" x14ac:dyDescent="0.25">
      <c r="A1157" s="6"/>
    </row>
    <row r="1158" spans="1:1" x14ac:dyDescent="0.25">
      <c r="A1158" s="6"/>
    </row>
    <row r="1159" spans="1:1" x14ac:dyDescent="0.25">
      <c r="A1159" s="6"/>
    </row>
    <row r="1160" spans="1:1" x14ac:dyDescent="0.25">
      <c r="A1160" s="6"/>
    </row>
    <row r="1161" spans="1:1" x14ac:dyDescent="0.25">
      <c r="A1161" s="6"/>
    </row>
    <row r="1162" spans="1:1" x14ac:dyDescent="0.25">
      <c r="A1162" s="6"/>
    </row>
    <row r="1163" spans="1:1" x14ac:dyDescent="0.25">
      <c r="A1163" s="6"/>
    </row>
    <row r="1164" spans="1:1" x14ac:dyDescent="0.25">
      <c r="A1164" s="6"/>
    </row>
    <row r="1165" spans="1:1" x14ac:dyDescent="0.25">
      <c r="A1165" s="6"/>
    </row>
    <row r="1166" spans="1:1" x14ac:dyDescent="0.25">
      <c r="A1166" s="6"/>
    </row>
    <row r="1167" spans="1:1" x14ac:dyDescent="0.25">
      <c r="A1167" s="6"/>
    </row>
    <row r="1168" spans="1:1" x14ac:dyDescent="0.25">
      <c r="A1168" s="6"/>
    </row>
    <row r="1169" spans="1:1" x14ac:dyDescent="0.25">
      <c r="A1169" s="6"/>
    </row>
    <row r="1170" spans="1:1" x14ac:dyDescent="0.25">
      <c r="A1170" s="6"/>
    </row>
    <row r="1171" spans="1:1" x14ac:dyDescent="0.25">
      <c r="A1171" s="6"/>
    </row>
    <row r="1172" spans="1:1" x14ac:dyDescent="0.25">
      <c r="A1172" s="6"/>
    </row>
    <row r="1173" spans="1:1" x14ac:dyDescent="0.25">
      <c r="A1173" s="6"/>
    </row>
    <row r="1174" spans="1:1" x14ac:dyDescent="0.25">
      <c r="A1174" s="6"/>
    </row>
    <row r="1175" spans="1:1" x14ac:dyDescent="0.25">
      <c r="A1175" s="6"/>
    </row>
    <row r="1176" spans="1:1" x14ac:dyDescent="0.25">
      <c r="A1176" s="6"/>
    </row>
    <row r="1177" spans="1:1" x14ac:dyDescent="0.25">
      <c r="A1177" s="6"/>
    </row>
    <row r="1178" spans="1:1" x14ac:dyDescent="0.25">
      <c r="A1178" s="6"/>
    </row>
    <row r="1179" spans="1:1" x14ac:dyDescent="0.25">
      <c r="A1179" s="6"/>
    </row>
    <row r="1180" spans="1:1" x14ac:dyDescent="0.25">
      <c r="A1180" s="6"/>
    </row>
    <row r="1181" spans="1:1" x14ac:dyDescent="0.25">
      <c r="A1181" s="6"/>
    </row>
    <row r="1182" spans="1:1" x14ac:dyDescent="0.25">
      <c r="A1182" s="6"/>
    </row>
    <row r="1183" spans="1:1" x14ac:dyDescent="0.25">
      <c r="A1183" s="6"/>
    </row>
    <row r="1184" spans="1:1" x14ac:dyDescent="0.25">
      <c r="A1184" s="6"/>
    </row>
    <row r="1185" spans="1:1" x14ac:dyDescent="0.25">
      <c r="A1185" s="6"/>
    </row>
    <row r="1186" spans="1:1" x14ac:dyDescent="0.25">
      <c r="A1186" s="6"/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Sheet2</vt:lpstr>
    </vt:vector>
  </TitlesOfParts>
  <Company>Grizli777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c1</dc:creator>
  <cp:lastModifiedBy>HuchoHucho</cp:lastModifiedBy>
  <cp:lastPrinted>2014-10-20T13:46:45Z</cp:lastPrinted>
  <dcterms:created xsi:type="dcterms:W3CDTF">2013-12-18T09:43:51Z</dcterms:created>
  <dcterms:modified xsi:type="dcterms:W3CDTF">2014-10-28T15:54:19Z</dcterms:modified>
</cp:coreProperties>
</file>